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61"/>
  </p:notesMasterIdLst>
  <p:handoutMasterIdLst>
    <p:handoutMasterId r:id="rId62"/>
  </p:handoutMasterIdLst>
  <p:sldIdLst>
    <p:sldId id="256" r:id="rId10"/>
    <p:sldId id="260" r:id="rId11"/>
    <p:sldId id="257" r:id="rId12"/>
    <p:sldId id="264" r:id="rId13"/>
    <p:sldId id="262" r:id="rId14"/>
    <p:sldId id="268" r:id="rId15"/>
    <p:sldId id="267" r:id="rId16"/>
    <p:sldId id="265" r:id="rId17"/>
    <p:sldId id="289" r:id="rId18"/>
    <p:sldId id="280" r:id="rId19"/>
    <p:sldId id="266" r:id="rId20"/>
    <p:sldId id="269" r:id="rId21"/>
    <p:sldId id="270" r:id="rId22"/>
    <p:sldId id="271" r:id="rId23"/>
    <p:sldId id="272" r:id="rId24"/>
    <p:sldId id="273" r:id="rId25"/>
    <p:sldId id="274" r:id="rId26"/>
    <p:sldId id="275" r:id="rId27"/>
    <p:sldId id="276" r:id="rId28"/>
    <p:sldId id="283" r:id="rId29"/>
    <p:sldId id="284" r:id="rId30"/>
    <p:sldId id="287" r:id="rId31"/>
    <p:sldId id="277" r:id="rId32"/>
    <p:sldId id="278" r:id="rId33"/>
    <p:sldId id="282" r:id="rId34"/>
    <p:sldId id="286" r:id="rId35"/>
    <p:sldId id="279" r:id="rId36"/>
    <p:sldId id="288" r:id="rId37"/>
    <p:sldId id="290" r:id="rId38"/>
    <p:sldId id="281" r:id="rId39"/>
    <p:sldId id="291" r:id="rId40"/>
    <p:sldId id="293" r:id="rId41"/>
    <p:sldId id="292" r:id="rId42"/>
    <p:sldId id="296" r:id="rId43"/>
    <p:sldId id="295" r:id="rId44"/>
    <p:sldId id="294" r:id="rId45"/>
    <p:sldId id="297" r:id="rId46"/>
    <p:sldId id="299" r:id="rId47"/>
    <p:sldId id="298" r:id="rId48"/>
    <p:sldId id="300" r:id="rId49"/>
    <p:sldId id="301" r:id="rId50"/>
    <p:sldId id="302" r:id="rId51"/>
    <p:sldId id="303" r:id="rId52"/>
    <p:sldId id="304" r:id="rId53"/>
    <p:sldId id="305" r:id="rId54"/>
    <p:sldId id="306" r:id="rId55"/>
    <p:sldId id="307" r:id="rId56"/>
    <p:sldId id="308" r:id="rId57"/>
    <p:sldId id="309" r:id="rId58"/>
    <p:sldId id="310" r:id="rId59"/>
    <p:sldId id="311" r:id="rId60"/>
  </p:sldIdLst>
  <p:sldSz cx="12190413" cy="6858000"/>
  <p:notesSz cx="6858000" cy="9144000"/>
  <p:custDataLst>
    <p:tags r:id="rId6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660099"/>
    <a:srgbClr val="FF0000"/>
    <a:srgbClr val="000000"/>
    <a:srgbClr val="FFFFFF"/>
    <a:srgbClr val="990000"/>
    <a:srgbClr val="FFCC00"/>
    <a:srgbClr val="FF66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36C9C17-9EBF-4DFB-8A17-20B1A844E82A}" v="14" dt="2021-11-07T14:52:41.55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5225" autoAdjust="0"/>
    <p:restoredTop sz="72307" autoAdjust="0"/>
  </p:normalViewPr>
  <p:slideViewPr>
    <p:cSldViewPr showGuides="1">
      <p:cViewPr varScale="1">
        <p:scale>
          <a:sx n="84" d="100"/>
          <a:sy n="84" d="100"/>
        </p:scale>
        <p:origin x="357" y="4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slide" Target="slides/slide38.xml"/><Relationship Id="rId50" Type="http://schemas.openxmlformats.org/officeDocument/2006/relationships/slide" Target="slides/slide41.xml"/><Relationship Id="rId55" Type="http://schemas.openxmlformats.org/officeDocument/2006/relationships/slide" Target="slides/slide46.xml"/><Relationship Id="rId63" Type="http://schemas.openxmlformats.org/officeDocument/2006/relationships/tags" Target="tags/tag1.xml"/><Relationship Id="rId68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slide" Target="slides/slide36.xml"/><Relationship Id="rId53" Type="http://schemas.openxmlformats.org/officeDocument/2006/relationships/slide" Target="slides/slide44.xml"/><Relationship Id="rId58" Type="http://schemas.openxmlformats.org/officeDocument/2006/relationships/slide" Target="slides/slide49.xml"/><Relationship Id="rId66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slide" Target="slides/slide40.xml"/><Relationship Id="rId57" Type="http://schemas.openxmlformats.org/officeDocument/2006/relationships/slide" Target="slides/slide48.xml"/><Relationship Id="rId61" Type="http://schemas.openxmlformats.org/officeDocument/2006/relationships/notesMaster" Target="notesMasters/notesMaster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slide" Target="slides/slide35.xml"/><Relationship Id="rId52" Type="http://schemas.openxmlformats.org/officeDocument/2006/relationships/slide" Target="slides/slide43.xml"/><Relationship Id="rId60" Type="http://schemas.openxmlformats.org/officeDocument/2006/relationships/slide" Target="slides/slide51.xml"/><Relationship Id="rId65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slide" Target="slides/slide39.xml"/><Relationship Id="rId56" Type="http://schemas.openxmlformats.org/officeDocument/2006/relationships/slide" Target="slides/slide47.xml"/><Relationship Id="rId64" Type="http://schemas.openxmlformats.org/officeDocument/2006/relationships/presProps" Target="presProps.xml"/><Relationship Id="rId69" Type="http://schemas.microsoft.com/office/2015/10/relationships/revisionInfo" Target="revisionInfo.xml"/><Relationship Id="rId8" Type="http://schemas.openxmlformats.org/officeDocument/2006/relationships/customXml" Target="../customXml/item8.xml"/><Relationship Id="rId51" Type="http://schemas.openxmlformats.org/officeDocument/2006/relationships/slide" Target="slides/slide42.xml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slide" Target="slides/slide37.xml"/><Relationship Id="rId59" Type="http://schemas.openxmlformats.org/officeDocument/2006/relationships/slide" Target="slides/slide50.xml"/><Relationship Id="rId67" Type="http://schemas.openxmlformats.org/officeDocument/2006/relationships/tableStyles" Target="tableStyles.xml"/><Relationship Id="rId20" Type="http://schemas.openxmlformats.org/officeDocument/2006/relationships/slide" Target="slides/slide11.xml"/><Relationship Id="rId41" Type="http://schemas.openxmlformats.org/officeDocument/2006/relationships/slide" Target="slides/slide32.xml"/><Relationship Id="rId54" Type="http://schemas.openxmlformats.org/officeDocument/2006/relationships/slide" Target="slides/slide45.xml"/><Relationship Id="rId62" Type="http://schemas.openxmlformats.org/officeDocument/2006/relationships/handoutMaster" Target="handoutMasters/handoutMaster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dam Wilson" userId="b8e2e8a2000bddc0" providerId="LiveId" clId="{A95D38A2-743B-422F-85AA-8A2F54BB1846}"/>
    <pc:docChg chg="undo custSel addSld delSld modSld sldOrd">
      <pc:chgData name="Adam Wilson" userId="b8e2e8a2000bddc0" providerId="LiveId" clId="{A95D38A2-743B-422F-85AA-8A2F54BB1846}" dt="2021-10-24T09:34:18.793" v="6817" actId="20577"/>
      <pc:docMkLst>
        <pc:docMk/>
      </pc:docMkLst>
      <pc:sldChg chg="addSp delSp modSp mod">
        <pc:chgData name="Adam Wilson" userId="b8e2e8a2000bddc0" providerId="LiveId" clId="{A95D38A2-743B-422F-85AA-8A2F54BB1846}" dt="2021-09-13T11:11:04.804" v="1744" actId="692"/>
        <pc:sldMkLst>
          <pc:docMk/>
          <pc:sldMk cId="1796381250" sldId="257"/>
        </pc:sldMkLst>
        <pc:spChg chg="add del mod">
          <ac:chgData name="Adam Wilson" userId="b8e2e8a2000bddc0" providerId="LiveId" clId="{A95D38A2-743B-422F-85AA-8A2F54BB1846}" dt="2021-09-13T09:05:05.477" v="853" actId="478"/>
          <ac:spMkLst>
            <pc:docMk/>
            <pc:sldMk cId="1796381250" sldId="257"/>
            <ac:spMk id="2" creationId="{EFC601CC-12DF-4FB7-B365-05F4836AC0E2}"/>
          </ac:spMkLst>
        </pc:spChg>
        <pc:spChg chg="mod">
          <ac:chgData name="Adam Wilson" userId="b8e2e8a2000bddc0" providerId="LiveId" clId="{A95D38A2-743B-422F-85AA-8A2F54BB1846}" dt="2021-09-13T09:00:43.127" v="683" actId="1076"/>
          <ac:spMkLst>
            <pc:docMk/>
            <pc:sldMk cId="1796381250" sldId="257"/>
            <ac:spMk id="5" creationId="{43AB9D89-4678-4B3C-8679-3E429EFBB2DD}"/>
          </ac:spMkLst>
        </pc:spChg>
        <pc:spChg chg="mod">
          <ac:chgData name="Adam Wilson" userId="b8e2e8a2000bddc0" providerId="LiveId" clId="{A95D38A2-743B-422F-85AA-8A2F54BB1846}" dt="2021-09-13T09:13:33.992" v="981" actId="1076"/>
          <ac:spMkLst>
            <pc:docMk/>
            <pc:sldMk cId="1796381250" sldId="257"/>
            <ac:spMk id="6" creationId="{5A5890CD-8F90-4FE7-841F-F7B0C2865BA2}"/>
          </ac:spMkLst>
        </pc:spChg>
        <pc:spChg chg="add del mod">
          <ac:chgData name="Adam Wilson" userId="b8e2e8a2000bddc0" providerId="LiveId" clId="{A95D38A2-743B-422F-85AA-8A2F54BB1846}" dt="2021-09-13T09:02:35.178" v="824"/>
          <ac:spMkLst>
            <pc:docMk/>
            <pc:sldMk cId="1796381250" sldId="257"/>
            <ac:spMk id="18" creationId="{A99F85F4-C797-4FE6-9701-B4F99F33A59D}"/>
          </ac:spMkLst>
        </pc:spChg>
        <pc:spChg chg="add del mod">
          <ac:chgData name="Adam Wilson" userId="b8e2e8a2000bddc0" providerId="LiveId" clId="{A95D38A2-743B-422F-85AA-8A2F54BB1846}" dt="2021-09-13T09:02:35.174" v="822" actId="478"/>
          <ac:spMkLst>
            <pc:docMk/>
            <pc:sldMk cId="1796381250" sldId="257"/>
            <ac:spMk id="19" creationId="{782392E9-2BDD-4C91-BD01-B8C596F301CC}"/>
          </ac:spMkLst>
        </pc:spChg>
        <pc:spChg chg="add mod">
          <ac:chgData name="Adam Wilson" userId="b8e2e8a2000bddc0" providerId="LiveId" clId="{A95D38A2-743B-422F-85AA-8A2F54BB1846}" dt="2021-09-13T09:14:55.225" v="983" actId="5793"/>
          <ac:spMkLst>
            <pc:docMk/>
            <pc:sldMk cId="1796381250" sldId="257"/>
            <ac:spMk id="20" creationId="{3EF59975-2196-4EF1-BFCA-42F1A31B2D7F}"/>
          </ac:spMkLst>
        </pc:spChg>
        <pc:spChg chg="add del mod">
          <ac:chgData name="Adam Wilson" userId="b8e2e8a2000bddc0" providerId="LiveId" clId="{A95D38A2-743B-422F-85AA-8A2F54BB1846}" dt="2021-09-13T09:05:05.477" v="853" actId="478"/>
          <ac:spMkLst>
            <pc:docMk/>
            <pc:sldMk cId="1796381250" sldId="257"/>
            <ac:spMk id="21" creationId="{FC4F2D9F-3EB5-40C6-8CB6-BA238F4867BF}"/>
          </ac:spMkLst>
        </pc:spChg>
        <pc:spChg chg="add del mod">
          <ac:chgData name="Adam Wilson" userId="b8e2e8a2000bddc0" providerId="LiveId" clId="{A95D38A2-743B-422F-85AA-8A2F54BB1846}" dt="2021-09-13T09:05:05.477" v="853" actId="478"/>
          <ac:spMkLst>
            <pc:docMk/>
            <pc:sldMk cId="1796381250" sldId="257"/>
            <ac:spMk id="22" creationId="{C28E0F7C-FE42-4A88-94DF-5507600B9C30}"/>
          </ac:spMkLst>
        </pc:spChg>
        <pc:spChg chg="add mod topLvl">
          <ac:chgData name="Adam Wilson" userId="b8e2e8a2000bddc0" providerId="LiveId" clId="{A95D38A2-743B-422F-85AA-8A2F54BB1846}" dt="2021-09-13T09:13:42.106" v="982" actId="1076"/>
          <ac:spMkLst>
            <pc:docMk/>
            <pc:sldMk cId="1796381250" sldId="257"/>
            <ac:spMk id="23" creationId="{3D485BE7-CE90-455A-98A7-025CA98AE5BD}"/>
          </ac:spMkLst>
        </pc:spChg>
        <pc:spChg chg="add del mod">
          <ac:chgData name="Adam Wilson" userId="b8e2e8a2000bddc0" providerId="LiveId" clId="{A95D38A2-743B-422F-85AA-8A2F54BB1846}" dt="2021-09-13T11:10:50.504" v="1740" actId="14100"/>
          <ac:spMkLst>
            <pc:docMk/>
            <pc:sldMk cId="1796381250" sldId="257"/>
            <ac:spMk id="29" creationId="{7C4463E6-DF25-4310-920F-B9CE3CB0275B}"/>
          </ac:spMkLst>
        </pc:spChg>
        <pc:spChg chg="add del mod">
          <ac:chgData name="Adam Wilson" userId="b8e2e8a2000bddc0" providerId="LiveId" clId="{A95D38A2-743B-422F-85AA-8A2F54BB1846}" dt="2021-09-13T11:10:50.504" v="1740" actId="14100"/>
          <ac:spMkLst>
            <pc:docMk/>
            <pc:sldMk cId="1796381250" sldId="257"/>
            <ac:spMk id="30" creationId="{A1BE287F-7789-4FEF-A70C-6F051A4DE807}"/>
          </ac:spMkLst>
        </pc:spChg>
        <pc:spChg chg="add del mod">
          <ac:chgData name="Adam Wilson" userId="b8e2e8a2000bddc0" providerId="LiveId" clId="{A95D38A2-743B-422F-85AA-8A2F54BB1846}" dt="2021-09-13T09:07:06.887" v="881" actId="478"/>
          <ac:spMkLst>
            <pc:docMk/>
            <pc:sldMk cId="1796381250" sldId="257"/>
            <ac:spMk id="34" creationId="{56C43EFE-DDD7-4CCB-811E-36110685C18C}"/>
          </ac:spMkLst>
        </pc:spChg>
        <pc:spChg chg="add del mod">
          <ac:chgData name="Adam Wilson" userId="b8e2e8a2000bddc0" providerId="LiveId" clId="{A95D38A2-743B-422F-85AA-8A2F54BB1846}" dt="2021-09-13T09:09:48.917" v="918" actId="478"/>
          <ac:spMkLst>
            <pc:docMk/>
            <pc:sldMk cId="1796381250" sldId="257"/>
            <ac:spMk id="45" creationId="{A672163F-F7C5-46A9-A731-715D3B1810EA}"/>
          </ac:spMkLst>
        </pc:spChg>
        <pc:spChg chg="add del mod">
          <ac:chgData name="Adam Wilson" userId="b8e2e8a2000bddc0" providerId="LiveId" clId="{A95D38A2-743B-422F-85AA-8A2F54BB1846}" dt="2021-09-13T09:09:48.917" v="918" actId="478"/>
          <ac:spMkLst>
            <pc:docMk/>
            <pc:sldMk cId="1796381250" sldId="257"/>
            <ac:spMk id="46" creationId="{1E5C6730-E097-4BFE-99C9-0A2238CBF124}"/>
          </ac:spMkLst>
        </pc:spChg>
        <pc:spChg chg="add del mod">
          <ac:chgData name="Adam Wilson" userId="b8e2e8a2000bddc0" providerId="LiveId" clId="{A95D38A2-743B-422F-85AA-8A2F54BB1846}" dt="2021-09-13T09:09:50.463" v="919" actId="478"/>
          <ac:spMkLst>
            <pc:docMk/>
            <pc:sldMk cId="1796381250" sldId="257"/>
            <ac:spMk id="53" creationId="{69C3FD43-AF88-4CDA-9DB4-6F6FCA20F368}"/>
          </ac:spMkLst>
        </pc:spChg>
        <pc:spChg chg="add del mod">
          <ac:chgData name="Adam Wilson" userId="b8e2e8a2000bddc0" providerId="LiveId" clId="{A95D38A2-743B-422F-85AA-8A2F54BB1846}" dt="2021-09-13T09:09:50.463" v="919" actId="478"/>
          <ac:spMkLst>
            <pc:docMk/>
            <pc:sldMk cId="1796381250" sldId="257"/>
            <ac:spMk id="54" creationId="{3AC727AD-4CC6-4E1D-BDD2-781454F33E54}"/>
          </ac:spMkLst>
        </pc:spChg>
        <pc:spChg chg="add del mod">
          <ac:chgData name="Adam Wilson" userId="b8e2e8a2000bddc0" providerId="LiveId" clId="{A95D38A2-743B-422F-85AA-8A2F54BB1846}" dt="2021-09-13T09:09:52.261" v="920" actId="478"/>
          <ac:spMkLst>
            <pc:docMk/>
            <pc:sldMk cId="1796381250" sldId="257"/>
            <ac:spMk id="61" creationId="{A538D14A-87A4-4FC1-B18B-488E5F6F47E2}"/>
          </ac:spMkLst>
        </pc:spChg>
        <pc:spChg chg="add del mod">
          <ac:chgData name="Adam Wilson" userId="b8e2e8a2000bddc0" providerId="LiveId" clId="{A95D38A2-743B-422F-85AA-8A2F54BB1846}" dt="2021-09-13T09:09:52.261" v="920" actId="478"/>
          <ac:spMkLst>
            <pc:docMk/>
            <pc:sldMk cId="1796381250" sldId="257"/>
            <ac:spMk id="62" creationId="{4987AEDF-7809-4829-9B92-2770A9AC480E}"/>
          </ac:spMkLst>
        </pc:spChg>
        <pc:spChg chg="add del mod">
          <ac:chgData name="Adam Wilson" userId="b8e2e8a2000bddc0" providerId="LiveId" clId="{A95D38A2-743B-422F-85AA-8A2F54BB1846}" dt="2021-09-13T09:09:06.843" v="901"/>
          <ac:spMkLst>
            <pc:docMk/>
            <pc:sldMk cId="1796381250" sldId="257"/>
            <ac:spMk id="71" creationId="{F1F77FD0-A7F8-4CA9-9F7F-ECD750A25DED}"/>
          </ac:spMkLst>
        </pc:spChg>
        <pc:spChg chg="add del mod">
          <ac:chgData name="Adam Wilson" userId="b8e2e8a2000bddc0" providerId="LiveId" clId="{A95D38A2-743B-422F-85AA-8A2F54BB1846}" dt="2021-09-13T09:09:06.843" v="901"/>
          <ac:spMkLst>
            <pc:docMk/>
            <pc:sldMk cId="1796381250" sldId="257"/>
            <ac:spMk id="72" creationId="{F3B86572-AE76-4096-8FB6-3A9A67568D06}"/>
          </ac:spMkLst>
        </pc:spChg>
        <pc:spChg chg="add mod">
          <ac:chgData name="Adam Wilson" userId="b8e2e8a2000bddc0" providerId="LiveId" clId="{A95D38A2-743B-422F-85AA-8A2F54BB1846}" dt="2021-09-13T11:10:50.504" v="1740" actId="14100"/>
          <ac:spMkLst>
            <pc:docMk/>
            <pc:sldMk cId="1796381250" sldId="257"/>
            <ac:spMk id="91" creationId="{E363047D-1B0F-4DC8-ADB0-508F6509E883}"/>
          </ac:spMkLst>
        </pc:spChg>
        <pc:spChg chg="add del mod">
          <ac:chgData name="Adam Wilson" userId="b8e2e8a2000bddc0" providerId="LiveId" clId="{A95D38A2-743B-422F-85AA-8A2F54BB1846}" dt="2021-09-13T09:11:52.261" v="960" actId="478"/>
          <ac:spMkLst>
            <pc:docMk/>
            <pc:sldMk cId="1796381250" sldId="257"/>
            <ac:spMk id="92" creationId="{2BDF0CC8-AAF3-4871-9EE7-B04088CDE54B}"/>
          </ac:spMkLst>
        </pc:spChg>
        <pc:spChg chg="add mod">
          <ac:chgData name="Adam Wilson" userId="b8e2e8a2000bddc0" providerId="LiveId" clId="{A95D38A2-743B-422F-85AA-8A2F54BB1846}" dt="2021-09-13T11:10:50.504" v="1740" actId="14100"/>
          <ac:spMkLst>
            <pc:docMk/>
            <pc:sldMk cId="1796381250" sldId="257"/>
            <ac:spMk id="99" creationId="{CDD44B02-FF34-4027-B437-4526649FB5B7}"/>
          </ac:spMkLst>
        </pc:spChg>
        <pc:spChg chg="add mod">
          <ac:chgData name="Adam Wilson" userId="b8e2e8a2000bddc0" providerId="LiveId" clId="{A95D38A2-743B-422F-85AA-8A2F54BB1846}" dt="2021-09-13T11:10:50.504" v="1740" actId="14100"/>
          <ac:spMkLst>
            <pc:docMk/>
            <pc:sldMk cId="1796381250" sldId="257"/>
            <ac:spMk id="100" creationId="{E4D5E848-FD6E-426E-876B-7D5BD4CC3904}"/>
          </ac:spMkLst>
        </pc:spChg>
        <pc:spChg chg="add mod">
          <ac:chgData name="Adam Wilson" userId="b8e2e8a2000bddc0" providerId="LiveId" clId="{A95D38A2-743B-422F-85AA-8A2F54BB1846}" dt="2021-09-13T11:10:50.504" v="1740" actId="14100"/>
          <ac:spMkLst>
            <pc:docMk/>
            <pc:sldMk cId="1796381250" sldId="257"/>
            <ac:spMk id="107" creationId="{7865AE4D-CA80-458F-8654-4303DD606C53}"/>
          </ac:spMkLst>
        </pc:spChg>
        <pc:spChg chg="add mod">
          <ac:chgData name="Adam Wilson" userId="b8e2e8a2000bddc0" providerId="LiveId" clId="{A95D38A2-743B-422F-85AA-8A2F54BB1846}" dt="2021-09-13T11:10:50.504" v="1740" actId="14100"/>
          <ac:spMkLst>
            <pc:docMk/>
            <pc:sldMk cId="1796381250" sldId="257"/>
            <ac:spMk id="108" creationId="{45F1475D-3C1F-4CD6-85D1-407079F5013B}"/>
          </ac:spMkLst>
        </pc:spChg>
        <pc:spChg chg="add mod">
          <ac:chgData name="Adam Wilson" userId="b8e2e8a2000bddc0" providerId="LiveId" clId="{A95D38A2-743B-422F-85AA-8A2F54BB1846}" dt="2021-09-13T09:13:42.106" v="982" actId="1076"/>
          <ac:spMkLst>
            <pc:docMk/>
            <pc:sldMk cId="1796381250" sldId="257"/>
            <ac:spMk id="115" creationId="{B93AFAD9-690B-46EB-9A58-130DA0C148E0}"/>
          </ac:spMkLst>
        </pc:spChg>
        <pc:spChg chg="add mod">
          <ac:chgData name="Adam Wilson" userId="b8e2e8a2000bddc0" providerId="LiveId" clId="{A95D38A2-743B-422F-85AA-8A2F54BB1846}" dt="2021-09-13T09:13:42.106" v="982" actId="1076"/>
          <ac:spMkLst>
            <pc:docMk/>
            <pc:sldMk cId="1796381250" sldId="257"/>
            <ac:spMk id="116" creationId="{5C37189D-A5A6-4FE2-BAD9-DFBA24A29BFE}"/>
          </ac:spMkLst>
        </pc:spChg>
        <pc:spChg chg="add del mod">
          <ac:chgData name="Adam Wilson" userId="b8e2e8a2000bddc0" providerId="LiveId" clId="{A95D38A2-743B-422F-85AA-8A2F54BB1846}" dt="2021-09-13T09:11:08.862" v="949" actId="478"/>
          <ac:spMkLst>
            <pc:docMk/>
            <pc:sldMk cId="1796381250" sldId="257"/>
            <ac:spMk id="117" creationId="{640DF6A9-6BCF-4D7E-9BB0-42F27F72AE13}"/>
          </ac:spMkLst>
        </pc:spChg>
        <pc:spChg chg="add mod">
          <ac:chgData name="Adam Wilson" userId="b8e2e8a2000bddc0" providerId="LiveId" clId="{A95D38A2-743B-422F-85AA-8A2F54BB1846}" dt="2021-09-13T09:13:42.106" v="982" actId="1076"/>
          <ac:spMkLst>
            <pc:docMk/>
            <pc:sldMk cId="1796381250" sldId="257"/>
            <ac:spMk id="144" creationId="{C89B1F3D-28B2-402B-917F-FBB877EB8572}"/>
          </ac:spMkLst>
        </pc:spChg>
        <pc:grpChg chg="add del mod">
          <ac:chgData name="Adam Wilson" userId="b8e2e8a2000bddc0" providerId="LiveId" clId="{A95D38A2-743B-422F-85AA-8A2F54BB1846}" dt="2021-09-13T09:11:19.371" v="950" actId="165"/>
          <ac:grpSpMkLst>
            <pc:docMk/>
            <pc:sldMk cId="1796381250" sldId="257"/>
            <ac:grpSpMk id="28" creationId="{734C0D7F-2921-4EB3-9980-04361DAFF3D4}"/>
          </ac:grpSpMkLst>
        </pc:grpChg>
        <pc:grpChg chg="add del mod">
          <ac:chgData name="Adam Wilson" userId="b8e2e8a2000bddc0" providerId="LiveId" clId="{A95D38A2-743B-422F-85AA-8A2F54BB1846}" dt="2021-09-13T11:11:04.804" v="1744" actId="692"/>
          <ac:grpSpMkLst>
            <pc:docMk/>
            <pc:sldMk cId="1796381250" sldId="257"/>
            <ac:grpSpMk id="41" creationId="{49F3A434-6FC7-41E0-856B-440E73404FD5}"/>
          </ac:grpSpMkLst>
        </pc:grpChg>
        <pc:grpChg chg="add del mod">
          <ac:chgData name="Adam Wilson" userId="b8e2e8a2000bddc0" providerId="LiveId" clId="{A95D38A2-743B-422F-85AA-8A2F54BB1846}" dt="2021-09-13T11:11:04.804" v="1744" actId="692"/>
          <ac:grpSpMkLst>
            <pc:docMk/>
            <pc:sldMk cId="1796381250" sldId="257"/>
            <ac:grpSpMk id="42" creationId="{7DAA623C-9C91-40FC-98F3-486354467DFB}"/>
          </ac:grpSpMkLst>
        </pc:grpChg>
        <pc:grpChg chg="add del mod">
          <ac:chgData name="Adam Wilson" userId="b8e2e8a2000bddc0" providerId="LiveId" clId="{A95D38A2-743B-422F-85AA-8A2F54BB1846}" dt="2021-09-13T09:09:48.917" v="918" actId="478"/>
          <ac:grpSpMkLst>
            <pc:docMk/>
            <pc:sldMk cId="1796381250" sldId="257"/>
            <ac:grpSpMk id="47" creationId="{8ACBE913-504B-4BAB-9A0E-D02568AFC43A}"/>
          </ac:grpSpMkLst>
        </pc:grpChg>
        <pc:grpChg chg="add del mod">
          <ac:chgData name="Adam Wilson" userId="b8e2e8a2000bddc0" providerId="LiveId" clId="{A95D38A2-743B-422F-85AA-8A2F54BB1846}" dt="2021-09-13T09:09:48.917" v="918" actId="478"/>
          <ac:grpSpMkLst>
            <pc:docMk/>
            <pc:sldMk cId="1796381250" sldId="257"/>
            <ac:grpSpMk id="50" creationId="{76A714A1-3FCA-4E6F-9878-35413149DBC4}"/>
          </ac:grpSpMkLst>
        </pc:grpChg>
        <pc:grpChg chg="add del mod">
          <ac:chgData name="Adam Wilson" userId="b8e2e8a2000bddc0" providerId="LiveId" clId="{A95D38A2-743B-422F-85AA-8A2F54BB1846}" dt="2021-09-13T09:09:50.463" v="919" actId="478"/>
          <ac:grpSpMkLst>
            <pc:docMk/>
            <pc:sldMk cId="1796381250" sldId="257"/>
            <ac:grpSpMk id="55" creationId="{1D7FF64A-77C5-4D44-98D6-17EAB746B645}"/>
          </ac:grpSpMkLst>
        </pc:grpChg>
        <pc:grpChg chg="add del mod">
          <ac:chgData name="Adam Wilson" userId="b8e2e8a2000bddc0" providerId="LiveId" clId="{A95D38A2-743B-422F-85AA-8A2F54BB1846}" dt="2021-09-13T09:09:50.463" v="919" actId="478"/>
          <ac:grpSpMkLst>
            <pc:docMk/>
            <pc:sldMk cId="1796381250" sldId="257"/>
            <ac:grpSpMk id="58" creationId="{DED7A4BA-957C-471F-829C-D000D17AC438}"/>
          </ac:grpSpMkLst>
        </pc:grpChg>
        <pc:grpChg chg="add del mod">
          <ac:chgData name="Adam Wilson" userId="b8e2e8a2000bddc0" providerId="LiveId" clId="{A95D38A2-743B-422F-85AA-8A2F54BB1846}" dt="2021-09-13T09:09:52.261" v="920" actId="478"/>
          <ac:grpSpMkLst>
            <pc:docMk/>
            <pc:sldMk cId="1796381250" sldId="257"/>
            <ac:grpSpMk id="63" creationId="{F27DD681-B307-4446-B024-A24A264D123F}"/>
          </ac:grpSpMkLst>
        </pc:grpChg>
        <pc:grpChg chg="add del mod">
          <ac:chgData name="Adam Wilson" userId="b8e2e8a2000bddc0" providerId="LiveId" clId="{A95D38A2-743B-422F-85AA-8A2F54BB1846}" dt="2021-09-13T09:09:52.261" v="920" actId="478"/>
          <ac:grpSpMkLst>
            <pc:docMk/>
            <pc:sldMk cId="1796381250" sldId="257"/>
            <ac:grpSpMk id="66" creationId="{E48E9649-53B8-4099-9BAC-C735215E1170}"/>
          </ac:grpSpMkLst>
        </pc:grpChg>
        <pc:grpChg chg="add del mod">
          <ac:chgData name="Adam Wilson" userId="b8e2e8a2000bddc0" providerId="LiveId" clId="{A95D38A2-743B-422F-85AA-8A2F54BB1846}" dt="2021-09-13T09:09:06.843" v="901"/>
          <ac:grpSpMkLst>
            <pc:docMk/>
            <pc:sldMk cId="1796381250" sldId="257"/>
            <ac:grpSpMk id="73" creationId="{F93D953A-9496-4A7F-B7F4-72EB00995BF1}"/>
          </ac:grpSpMkLst>
        </pc:grpChg>
        <pc:grpChg chg="add del mod">
          <ac:chgData name="Adam Wilson" userId="b8e2e8a2000bddc0" providerId="LiveId" clId="{A95D38A2-743B-422F-85AA-8A2F54BB1846}" dt="2021-09-13T09:09:06.843" v="901"/>
          <ac:grpSpMkLst>
            <pc:docMk/>
            <pc:sldMk cId="1796381250" sldId="257"/>
            <ac:grpSpMk id="76" creationId="{45F8BDF8-2979-41E6-899A-8F93C5F8FA89}"/>
          </ac:grpSpMkLst>
        </pc:grpChg>
        <pc:grpChg chg="add del mod">
          <ac:chgData name="Adam Wilson" userId="b8e2e8a2000bddc0" providerId="LiveId" clId="{A95D38A2-743B-422F-85AA-8A2F54BB1846}" dt="2021-09-13T09:11:52.261" v="960" actId="478"/>
          <ac:grpSpMkLst>
            <pc:docMk/>
            <pc:sldMk cId="1796381250" sldId="257"/>
            <ac:grpSpMk id="93" creationId="{EAC293B0-AA3F-4CFD-BB9E-70390F46C10A}"/>
          </ac:grpSpMkLst>
        </pc:grpChg>
        <pc:grpChg chg="add mod">
          <ac:chgData name="Adam Wilson" userId="b8e2e8a2000bddc0" providerId="LiveId" clId="{A95D38A2-743B-422F-85AA-8A2F54BB1846}" dt="2021-09-13T11:11:04.804" v="1744" actId="692"/>
          <ac:grpSpMkLst>
            <pc:docMk/>
            <pc:sldMk cId="1796381250" sldId="257"/>
            <ac:grpSpMk id="96" creationId="{2DB3A3CF-A984-4AAA-8E81-70F73222FF66}"/>
          </ac:grpSpMkLst>
        </pc:grpChg>
        <pc:grpChg chg="add mod">
          <ac:chgData name="Adam Wilson" userId="b8e2e8a2000bddc0" providerId="LiveId" clId="{A95D38A2-743B-422F-85AA-8A2F54BB1846}" dt="2021-09-13T11:11:04.804" v="1744" actId="692"/>
          <ac:grpSpMkLst>
            <pc:docMk/>
            <pc:sldMk cId="1796381250" sldId="257"/>
            <ac:grpSpMk id="101" creationId="{EDCE62A0-3A71-4AA6-A4DC-FADD61AAAFED}"/>
          </ac:grpSpMkLst>
        </pc:grpChg>
        <pc:grpChg chg="add mod">
          <ac:chgData name="Adam Wilson" userId="b8e2e8a2000bddc0" providerId="LiveId" clId="{A95D38A2-743B-422F-85AA-8A2F54BB1846}" dt="2021-09-13T11:11:04.804" v="1744" actId="692"/>
          <ac:grpSpMkLst>
            <pc:docMk/>
            <pc:sldMk cId="1796381250" sldId="257"/>
            <ac:grpSpMk id="104" creationId="{B5ACE788-A288-486D-8D60-54D090D9AB10}"/>
          </ac:grpSpMkLst>
        </pc:grpChg>
        <pc:grpChg chg="add mod">
          <ac:chgData name="Adam Wilson" userId="b8e2e8a2000bddc0" providerId="LiveId" clId="{A95D38A2-743B-422F-85AA-8A2F54BB1846}" dt="2021-09-13T11:11:04.804" v="1744" actId="692"/>
          <ac:grpSpMkLst>
            <pc:docMk/>
            <pc:sldMk cId="1796381250" sldId="257"/>
            <ac:grpSpMk id="109" creationId="{A71B0BA1-3F62-48D7-9F7B-8630C5BE15EA}"/>
          </ac:grpSpMkLst>
        </pc:grpChg>
        <pc:grpChg chg="add mod">
          <ac:chgData name="Adam Wilson" userId="b8e2e8a2000bddc0" providerId="LiveId" clId="{A95D38A2-743B-422F-85AA-8A2F54BB1846}" dt="2021-09-13T11:11:04.804" v="1744" actId="692"/>
          <ac:grpSpMkLst>
            <pc:docMk/>
            <pc:sldMk cId="1796381250" sldId="257"/>
            <ac:grpSpMk id="112" creationId="{911C8BCC-6B32-47E5-BE6D-0C2C5C60E3C5}"/>
          </ac:grpSpMkLst>
        </pc:grpChg>
        <pc:cxnChg chg="add del mod">
          <ac:chgData name="Adam Wilson" userId="b8e2e8a2000bddc0" providerId="LiveId" clId="{A95D38A2-743B-422F-85AA-8A2F54BB1846}" dt="2021-09-13T09:05:05.477" v="853" actId="478"/>
          <ac:cxnSpMkLst>
            <pc:docMk/>
            <pc:sldMk cId="1796381250" sldId="257"/>
            <ac:cxnSpMk id="7" creationId="{805A41AF-040F-4D8B-9446-C6A0C45F7B22}"/>
          </ac:cxnSpMkLst>
        </pc:cxnChg>
        <pc:cxnChg chg="add del mod">
          <ac:chgData name="Adam Wilson" userId="b8e2e8a2000bddc0" providerId="LiveId" clId="{A95D38A2-743B-422F-85AA-8A2F54BB1846}" dt="2021-09-13T09:05:05.477" v="853" actId="478"/>
          <ac:cxnSpMkLst>
            <pc:docMk/>
            <pc:sldMk cId="1796381250" sldId="257"/>
            <ac:cxnSpMk id="8" creationId="{CD27956B-C471-4ED8-9DA5-2BD4B6ABC8BF}"/>
          </ac:cxnSpMkLst>
        </pc:cxnChg>
        <pc:cxnChg chg="add del mod">
          <ac:chgData name="Adam Wilson" userId="b8e2e8a2000bddc0" providerId="LiveId" clId="{A95D38A2-743B-422F-85AA-8A2F54BB1846}" dt="2021-09-13T09:05:05.477" v="853" actId="478"/>
          <ac:cxnSpMkLst>
            <pc:docMk/>
            <pc:sldMk cId="1796381250" sldId="257"/>
            <ac:cxnSpMk id="11" creationId="{7F6E625A-83A3-4BBC-A1B4-C5F87E005506}"/>
          </ac:cxnSpMkLst>
        </pc:cxnChg>
        <pc:cxnChg chg="add del mod">
          <ac:chgData name="Adam Wilson" userId="b8e2e8a2000bddc0" providerId="LiveId" clId="{A95D38A2-743B-422F-85AA-8A2F54BB1846}" dt="2021-09-13T09:05:05.477" v="853" actId="478"/>
          <ac:cxnSpMkLst>
            <pc:docMk/>
            <pc:sldMk cId="1796381250" sldId="257"/>
            <ac:cxnSpMk id="12" creationId="{776F30FD-B74A-4568-B4EA-43745692B2C8}"/>
          </ac:cxnSpMkLst>
        </pc:cxnChg>
        <pc:cxnChg chg="add mod topLvl">
          <ac:chgData name="Adam Wilson" userId="b8e2e8a2000bddc0" providerId="LiveId" clId="{A95D38A2-743B-422F-85AA-8A2F54BB1846}" dt="2021-09-13T09:13:42.106" v="982" actId="1076"/>
          <ac:cxnSpMkLst>
            <pc:docMk/>
            <pc:sldMk cId="1796381250" sldId="257"/>
            <ac:cxnSpMk id="24" creationId="{5FAEFE6E-789B-4720-8985-D65949572FEF}"/>
          </ac:cxnSpMkLst>
        </pc:cxnChg>
        <pc:cxnChg chg="add mod topLvl">
          <ac:chgData name="Adam Wilson" userId="b8e2e8a2000bddc0" providerId="LiveId" clId="{A95D38A2-743B-422F-85AA-8A2F54BB1846}" dt="2021-09-13T09:13:42.106" v="982" actId="1076"/>
          <ac:cxnSpMkLst>
            <pc:docMk/>
            <pc:sldMk cId="1796381250" sldId="257"/>
            <ac:cxnSpMk id="25" creationId="{77635938-151B-423F-871B-5712086114F8}"/>
          </ac:cxnSpMkLst>
        </pc:cxnChg>
        <pc:cxnChg chg="add mod topLvl">
          <ac:chgData name="Adam Wilson" userId="b8e2e8a2000bddc0" providerId="LiveId" clId="{A95D38A2-743B-422F-85AA-8A2F54BB1846}" dt="2021-09-13T09:13:42.106" v="982" actId="1076"/>
          <ac:cxnSpMkLst>
            <pc:docMk/>
            <pc:sldMk cId="1796381250" sldId="257"/>
            <ac:cxnSpMk id="26" creationId="{E64B936E-CBC5-4B7C-974B-8D1A785548D2}"/>
          </ac:cxnSpMkLst>
        </pc:cxnChg>
        <pc:cxnChg chg="add mod topLvl">
          <ac:chgData name="Adam Wilson" userId="b8e2e8a2000bddc0" providerId="LiveId" clId="{A95D38A2-743B-422F-85AA-8A2F54BB1846}" dt="2021-09-13T09:13:42.106" v="982" actId="1076"/>
          <ac:cxnSpMkLst>
            <pc:docMk/>
            <pc:sldMk cId="1796381250" sldId="257"/>
            <ac:cxnSpMk id="27" creationId="{73A31D25-3E7A-4FB5-BA92-95D044D19BB3}"/>
          </ac:cxnSpMkLst>
        </pc:cxnChg>
        <pc:cxnChg chg="add del mod">
          <ac:chgData name="Adam Wilson" userId="b8e2e8a2000bddc0" providerId="LiveId" clId="{A95D38A2-743B-422F-85AA-8A2F54BB1846}" dt="2021-09-13T09:07:06.887" v="881" actId="478"/>
          <ac:cxnSpMkLst>
            <pc:docMk/>
            <pc:sldMk cId="1796381250" sldId="257"/>
            <ac:cxnSpMk id="32" creationId="{51E1887E-A9C5-4C29-BC20-1B77A4B84CFC}"/>
          </ac:cxnSpMkLst>
        </pc:cxnChg>
        <pc:cxnChg chg="add del mod">
          <ac:chgData name="Adam Wilson" userId="b8e2e8a2000bddc0" providerId="LiveId" clId="{A95D38A2-743B-422F-85AA-8A2F54BB1846}" dt="2021-09-13T09:07:06.887" v="881" actId="478"/>
          <ac:cxnSpMkLst>
            <pc:docMk/>
            <pc:sldMk cId="1796381250" sldId="257"/>
            <ac:cxnSpMk id="36" creationId="{1979A438-B172-4BA6-AA76-CB6F20C1DF83}"/>
          </ac:cxnSpMkLst>
        </pc:cxnChg>
        <pc:cxnChg chg="add 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39" creationId="{164C9606-71B0-422C-A560-F3F2AD00E526}"/>
          </ac:cxnSpMkLst>
        </pc:cxnChg>
        <pc:cxnChg chg="add 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40" creationId="{466FF6AB-FCD0-4D8B-991B-B58F9EE33277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43" creationId="{794A4924-89CE-4CDF-B81E-5C16F7E372D9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44" creationId="{F1606E5A-3687-4C3C-87EA-9622250F0173}"/>
          </ac:cxnSpMkLst>
        </pc:cxnChg>
        <pc:cxnChg chg="mod">
          <ac:chgData name="Adam Wilson" userId="b8e2e8a2000bddc0" providerId="LiveId" clId="{A95D38A2-743B-422F-85AA-8A2F54BB1846}" dt="2021-09-13T09:07:57.976" v="892" actId="1076"/>
          <ac:cxnSpMkLst>
            <pc:docMk/>
            <pc:sldMk cId="1796381250" sldId="257"/>
            <ac:cxnSpMk id="48" creationId="{F84BCD9A-1868-461B-8E7D-2940B3D17E28}"/>
          </ac:cxnSpMkLst>
        </pc:cxnChg>
        <pc:cxnChg chg="mod">
          <ac:chgData name="Adam Wilson" userId="b8e2e8a2000bddc0" providerId="LiveId" clId="{A95D38A2-743B-422F-85AA-8A2F54BB1846}" dt="2021-09-13T09:07:57.976" v="892" actId="1076"/>
          <ac:cxnSpMkLst>
            <pc:docMk/>
            <pc:sldMk cId="1796381250" sldId="257"/>
            <ac:cxnSpMk id="49" creationId="{F7973591-7D12-4083-AC5D-CD7203FEA9B2}"/>
          </ac:cxnSpMkLst>
        </pc:cxnChg>
        <pc:cxnChg chg="mod">
          <ac:chgData name="Adam Wilson" userId="b8e2e8a2000bddc0" providerId="LiveId" clId="{A95D38A2-743B-422F-85AA-8A2F54BB1846}" dt="2021-09-13T09:07:57.976" v="892" actId="1076"/>
          <ac:cxnSpMkLst>
            <pc:docMk/>
            <pc:sldMk cId="1796381250" sldId="257"/>
            <ac:cxnSpMk id="51" creationId="{99841B69-FE5C-4113-B30A-B509F9CFCD1E}"/>
          </ac:cxnSpMkLst>
        </pc:cxnChg>
        <pc:cxnChg chg="mod">
          <ac:chgData name="Adam Wilson" userId="b8e2e8a2000bddc0" providerId="LiveId" clId="{A95D38A2-743B-422F-85AA-8A2F54BB1846}" dt="2021-09-13T09:07:57.976" v="892" actId="1076"/>
          <ac:cxnSpMkLst>
            <pc:docMk/>
            <pc:sldMk cId="1796381250" sldId="257"/>
            <ac:cxnSpMk id="52" creationId="{4F2B0082-C1D3-4ACF-84E7-6AA1E075A5E3}"/>
          </ac:cxnSpMkLst>
        </pc:cxnChg>
        <pc:cxnChg chg="mod">
          <ac:chgData name="Adam Wilson" userId="b8e2e8a2000bddc0" providerId="LiveId" clId="{A95D38A2-743B-422F-85AA-8A2F54BB1846}" dt="2021-09-13T09:08:04.794" v="894" actId="1076"/>
          <ac:cxnSpMkLst>
            <pc:docMk/>
            <pc:sldMk cId="1796381250" sldId="257"/>
            <ac:cxnSpMk id="56" creationId="{0C037E96-5A34-41F1-85CD-994BCDE4F0D1}"/>
          </ac:cxnSpMkLst>
        </pc:cxnChg>
        <pc:cxnChg chg="mod">
          <ac:chgData name="Adam Wilson" userId="b8e2e8a2000bddc0" providerId="LiveId" clId="{A95D38A2-743B-422F-85AA-8A2F54BB1846}" dt="2021-09-13T09:08:04.794" v="894" actId="1076"/>
          <ac:cxnSpMkLst>
            <pc:docMk/>
            <pc:sldMk cId="1796381250" sldId="257"/>
            <ac:cxnSpMk id="57" creationId="{8B29C78C-3A4E-4762-8798-1FAC4861A054}"/>
          </ac:cxnSpMkLst>
        </pc:cxnChg>
        <pc:cxnChg chg="mod">
          <ac:chgData name="Adam Wilson" userId="b8e2e8a2000bddc0" providerId="LiveId" clId="{A95D38A2-743B-422F-85AA-8A2F54BB1846}" dt="2021-09-13T09:08:04.794" v="894" actId="1076"/>
          <ac:cxnSpMkLst>
            <pc:docMk/>
            <pc:sldMk cId="1796381250" sldId="257"/>
            <ac:cxnSpMk id="59" creationId="{E2884772-1ACC-43EF-AD04-279E46DFA9FC}"/>
          </ac:cxnSpMkLst>
        </pc:cxnChg>
        <pc:cxnChg chg="mod">
          <ac:chgData name="Adam Wilson" userId="b8e2e8a2000bddc0" providerId="LiveId" clId="{A95D38A2-743B-422F-85AA-8A2F54BB1846}" dt="2021-09-13T09:08:04.794" v="894" actId="1076"/>
          <ac:cxnSpMkLst>
            <pc:docMk/>
            <pc:sldMk cId="1796381250" sldId="257"/>
            <ac:cxnSpMk id="60" creationId="{40C5E3F8-985D-4493-993A-D76A64D580E8}"/>
          </ac:cxnSpMkLst>
        </pc:cxnChg>
        <pc:cxnChg chg="mod">
          <ac:chgData name="Adam Wilson" userId="b8e2e8a2000bddc0" providerId="LiveId" clId="{A95D38A2-743B-422F-85AA-8A2F54BB1846}" dt="2021-09-13T09:08:16.223" v="896" actId="1076"/>
          <ac:cxnSpMkLst>
            <pc:docMk/>
            <pc:sldMk cId="1796381250" sldId="257"/>
            <ac:cxnSpMk id="64" creationId="{49D51754-A72A-4C8E-BFD2-D52A8E7B094D}"/>
          </ac:cxnSpMkLst>
        </pc:cxnChg>
        <pc:cxnChg chg="mod">
          <ac:chgData name="Adam Wilson" userId="b8e2e8a2000bddc0" providerId="LiveId" clId="{A95D38A2-743B-422F-85AA-8A2F54BB1846}" dt="2021-09-13T09:08:16.223" v="896" actId="1076"/>
          <ac:cxnSpMkLst>
            <pc:docMk/>
            <pc:sldMk cId="1796381250" sldId="257"/>
            <ac:cxnSpMk id="65" creationId="{F1BB4EDA-3D8F-4BEE-B0B8-9D731B2FFF62}"/>
          </ac:cxnSpMkLst>
        </pc:cxnChg>
        <pc:cxnChg chg="mod">
          <ac:chgData name="Adam Wilson" userId="b8e2e8a2000bddc0" providerId="LiveId" clId="{A95D38A2-743B-422F-85AA-8A2F54BB1846}" dt="2021-09-13T09:08:16.223" v="896" actId="1076"/>
          <ac:cxnSpMkLst>
            <pc:docMk/>
            <pc:sldMk cId="1796381250" sldId="257"/>
            <ac:cxnSpMk id="67" creationId="{41771DE9-386A-44B1-8C38-EA9CA4032C81}"/>
          </ac:cxnSpMkLst>
        </pc:cxnChg>
        <pc:cxnChg chg="mod">
          <ac:chgData name="Adam Wilson" userId="b8e2e8a2000bddc0" providerId="LiveId" clId="{A95D38A2-743B-422F-85AA-8A2F54BB1846}" dt="2021-09-13T09:08:16.223" v="896" actId="1076"/>
          <ac:cxnSpMkLst>
            <pc:docMk/>
            <pc:sldMk cId="1796381250" sldId="257"/>
            <ac:cxnSpMk id="68" creationId="{06DEB271-1D87-4E96-BF05-7F6F28C906AC}"/>
          </ac:cxnSpMkLst>
        </pc:cxnChg>
        <pc:cxnChg chg="add mod">
          <ac:chgData name="Adam Wilson" userId="b8e2e8a2000bddc0" providerId="LiveId" clId="{A95D38A2-743B-422F-85AA-8A2F54BB1846}" dt="2021-09-13T11:10:50.504" v="1740" actId="14100"/>
          <ac:cxnSpMkLst>
            <pc:docMk/>
            <pc:sldMk cId="1796381250" sldId="257"/>
            <ac:cxnSpMk id="70" creationId="{800B8824-CB90-436E-AEC1-447EAE285A66}"/>
          </ac:cxnSpMkLst>
        </pc:cxnChg>
        <pc:cxnChg chg="mod">
          <ac:chgData name="Adam Wilson" userId="b8e2e8a2000bddc0" providerId="LiveId" clId="{A95D38A2-743B-422F-85AA-8A2F54BB1846}" dt="2021-09-13T09:09:05.447" v="900"/>
          <ac:cxnSpMkLst>
            <pc:docMk/>
            <pc:sldMk cId="1796381250" sldId="257"/>
            <ac:cxnSpMk id="74" creationId="{52649FC9-663F-4657-90DA-0F1D7EDC8BE8}"/>
          </ac:cxnSpMkLst>
        </pc:cxnChg>
        <pc:cxnChg chg="mod">
          <ac:chgData name="Adam Wilson" userId="b8e2e8a2000bddc0" providerId="LiveId" clId="{A95D38A2-743B-422F-85AA-8A2F54BB1846}" dt="2021-09-13T09:09:05.447" v="900"/>
          <ac:cxnSpMkLst>
            <pc:docMk/>
            <pc:sldMk cId="1796381250" sldId="257"/>
            <ac:cxnSpMk id="75" creationId="{21DEEDAC-259F-49FA-8E45-D438210BA31B}"/>
          </ac:cxnSpMkLst>
        </pc:cxnChg>
        <pc:cxnChg chg="mod">
          <ac:chgData name="Adam Wilson" userId="b8e2e8a2000bddc0" providerId="LiveId" clId="{A95D38A2-743B-422F-85AA-8A2F54BB1846}" dt="2021-09-13T09:09:05.447" v="900"/>
          <ac:cxnSpMkLst>
            <pc:docMk/>
            <pc:sldMk cId="1796381250" sldId="257"/>
            <ac:cxnSpMk id="77" creationId="{AF496D56-143F-41B2-9176-F8A96BFC45C0}"/>
          </ac:cxnSpMkLst>
        </pc:cxnChg>
        <pc:cxnChg chg="mod">
          <ac:chgData name="Adam Wilson" userId="b8e2e8a2000bddc0" providerId="LiveId" clId="{A95D38A2-743B-422F-85AA-8A2F54BB1846}" dt="2021-09-13T09:09:05.447" v="900"/>
          <ac:cxnSpMkLst>
            <pc:docMk/>
            <pc:sldMk cId="1796381250" sldId="257"/>
            <ac:cxnSpMk id="78" creationId="{DCD82FD9-8D3C-4872-BC4A-1443769EB99F}"/>
          </ac:cxnSpMkLst>
        </pc:cxnChg>
        <pc:cxnChg chg="add mod">
          <ac:chgData name="Adam Wilson" userId="b8e2e8a2000bddc0" providerId="LiveId" clId="{A95D38A2-743B-422F-85AA-8A2F54BB1846}" dt="2021-09-13T09:13:42.106" v="982" actId="1076"/>
          <ac:cxnSpMkLst>
            <pc:docMk/>
            <pc:sldMk cId="1796381250" sldId="257"/>
            <ac:cxnSpMk id="79" creationId="{0139E797-10FF-4EE2-A34C-AEE200D81E29}"/>
          </ac:cxnSpMkLst>
        </pc:cxnChg>
        <pc:cxnChg chg="add mod">
          <ac:chgData name="Adam Wilson" userId="b8e2e8a2000bddc0" providerId="LiveId" clId="{A95D38A2-743B-422F-85AA-8A2F54BB1846}" dt="2021-09-13T11:10:50.504" v="1740" actId="14100"/>
          <ac:cxnSpMkLst>
            <pc:docMk/>
            <pc:sldMk cId="1796381250" sldId="257"/>
            <ac:cxnSpMk id="82" creationId="{ACC0F5D8-339E-482B-ADE6-81FA639F3B7F}"/>
          </ac:cxnSpMkLst>
        </pc:cxnChg>
        <pc:cxnChg chg="add mod">
          <ac:chgData name="Adam Wilson" userId="b8e2e8a2000bddc0" providerId="LiveId" clId="{A95D38A2-743B-422F-85AA-8A2F54BB1846}" dt="2021-09-13T09:13:42.106" v="982" actId="1076"/>
          <ac:cxnSpMkLst>
            <pc:docMk/>
            <pc:sldMk cId="1796381250" sldId="257"/>
            <ac:cxnSpMk id="85" creationId="{3526FADE-D554-49F3-A829-C491EF134818}"/>
          </ac:cxnSpMkLst>
        </pc:cxnChg>
        <pc:cxnChg chg="mod">
          <ac:chgData name="Adam Wilson" userId="b8e2e8a2000bddc0" providerId="LiveId" clId="{A95D38A2-743B-422F-85AA-8A2F54BB1846}" dt="2021-09-13T09:10:08.439" v="924" actId="1076"/>
          <ac:cxnSpMkLst>
            <pc:docMk/>
            <pc:sldMk cId="1796381250" sldId="257"/>
            <ac:cxnSpMk id="94" creationId="{2DFB0776-896D-47B8-87FB-B00CD1DF154C}"/>
          </ac:cxnSpMkLst>
        </pc:cxnChg>
        <pc:cxnChg chg="mod">
          <ac:chgData name="Adam Wilson" userId="b8e2e8a2000bddc0" providerId="LiveId" clId="{A95D38A2-743B-422F-85AA-8A2F54BB1846}" dt="2021-09-13T09:10:08.439" v="924" actId="1076"/>
          <ac:cxnSpMkLst>
            <pc:docMk/>
            <pc:sldMk cId="1796381250" sldId="257"/>
            <ac:cxnSpMk id="95" creationId="{9C0731AC-DA07-4FFD-8B32-AA74813C89F3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97" creationId="{1272B885-D4DC-4E07-B7A0-CD443643E913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98" creationId="{EC9A2105-DA53-4834-8704-5A906CAA13B8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102" creationId="{9838FEDD-49BD-4301-88F0-801148447B2B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103" creationId="{6AC492B5-D794-4184-B3DE-880A76366E0C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105" creationId="{1001CDF5-3CE3-46A1-872F-D3B6913C20A5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106" creationId="{89B7BAEE-CEDB-4A9F-B7D7-60458D7F8D1C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110" creationId="{4FCEFC88-341B-49B7-A0CE-B6DFA943238D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111" creationId="{0B35A669-9642-4F1B-89C9-9CDB42CC0D95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113" creationId="{5351F821-9803-4EDB-A571-A4090E6CD91B}"/>
          </ac:cxnSpMkLst>
        </pc:cxnChg>
        <pc:cxnChg chg="mod">
          <ac:chgData name="Adam Wilson" userId="b8e2e8a2000bddc0" providerId="LiveId" clId="{A95D38A2-743B-422F-85AA-8A2F54BB1846}" dt="2021-09-13T11:11:00.558" v="1741" actId="14100"/>
          <ac:cxnSpMkLst>
            <pc:docMk/>
            <pc:sldMk cId="1796381250" sldId="257"/>
            <ac:cxnSpMk id="114" creationId="{1F19CAF3-65F4-40C1-80E1-9EAEE770C1D6}"/>
          </ac:cxnSpMkLst>
        </pc:cxnChg>
      </pc:sldChg>
      <pc:sldChg chg="modSp mod modNotesTx">
        <pc:chgData name="Adam Wilson" userId="b8e2e8a2000bddc0" providerId="LiveId" clId="{A95D38A2-743B-422F-85AA-8A2F54BB1846}" dt="2021-09-20T09:25:02.695" v="4592" actId="20577"/>
        <pc:sldMkLst>
          <pc:docMk/>
          <pc:sldMk cId="2320714135" sldId="260"/>
        </pc:sldMkLst>
        <pc:spChg chg="mod">
          <ac:chgData name="Adam Wilson" userId="b8e2e8a2000bddc0" providerId="LiveId" clId="{A95D38A2-743B-422F-85AA-8A2F54BB1846}" dt="2021-09-13T08:54:42.738" v="482" actId="20577"/>
          <ac:spMkLst>
            <pc:docMk/>
            <pc:sldMk cId="2320714135" sldId="260"/>
            <ac:spMk id="4" creationId="{674358EA-4D5B-461F-997D-DE6729900DE7}"/>
          </ac:spMkLst>
        </pc:spChg>
        <pc:spChg chg="mod">
          <ac:chgData name="Adam Wilson" userId="b8e2e8a2000bddc0" providerId="LiveId" clId="{A95D38A2-743B-422F-85AA-8A2F54BB1846}" dt="2021-09-20T06:39:07.789" v="4354" actId="20577"/>
          <ac:spMkLst>
            <pc:docMk/>
            <pc:sldMk cId="2320714135" sldId="260"/>
            <ac:spMk id="5" creationId="{88CE6942-A17C-4247-86C6-41FACF7E90AC}"/>
          </ac:spMkLst>
        </pc:spChg>
      </pc:sldChg>
      <pc:sldChg chg="addSp delSp modSp new del mod">
        <pc:chgData name="Adam Wilson" userId="b8e2e8a2000bddc0" providerId="LiveId" clId="{A95D38A2-743B-422F-85AA-8A2F54BB1846}" dt="2021-09-13T09:22:45.315" v="1552" actId="47"/>
        <pc:sldMkLst>
          <pc:docMk/>
          <pc:sldMk cId="2138018570" sldId="261"/>
        </pc:sldMkLst>
        <pc:spChg chg="mod">
          <ac:chgData name="Adam Wilson" userId="b8e2e8a2000bddc0" providerId="LiveId" clId="{A95D38A2-743B-422F-85AA-8A2F54BB1846}" dt="2021-09-13T09:22:39.023" v="1550" actId="20577"/>
          <ac:spMkLst>
            <pc:docMk/>
            <pc:sldMk cId="2138018570" sldId="261"/>
            <ac:spMk id="2" creationId="{6D87C2D8-B264-44B6-9379-25E53CF36873}"/>
          </ac:spMkLst>
        </pc:spChg>
        <pc:spChg chg="del mod">
          <ac:chgData name="Adam Wilson" userId="b8e2e8a2000bddc0" providerId="LiveId" clId="{A95D38A2-743B-422F-85AA-8A2F54BB1846}" dt="2021-09-13T09:22:43.185" v="1551" actId="478"/>
          <ac:spMkLst>
            <pc:docMk/>
            <pc:sldMk cId="2138018570" sldId="261"/>
            <ac:spMk id="3" creationId="{8BBBCF01-2E68-40D2-B1C2-7CA340A422E6}"/>
          </ac:spMkLst>
        </pc:spChg>
        <pc:spChg chg="add mod">
          <ac:chgData name="Adam Wilson" userId="b8e2e8a2000bddc0" providerId="LiveId" clId="{A95D38A2-743B-422F-85AA-8A2F54BB1846}" dt="2021-09-13T09:22:43.185" v="1551" actId="478"/>
          <ac:spMkLst>
            <pc:docMk/>
            <pc:sldMk cId="2138018570" sldId="261"/>
            <ac:spMk id="5" creationId="{A8CD7058-21BB-4B5F-9E6F-5BF95DAF89CE}"/>
          </ac:spMkLst>
        </pc:spChg>
      </pc:sldChg>
      <pc:sldChg chg="addSp delSp modSp new mod modNotesTx">
        <pc:chgData name="Adam Wilson" userId="b8e2e8a2000bddc0" providerId="LiveId" clId="{A95D38A2-743B-422F-85AA-8A2F54BB1846}" dt="2021-09-14T10:59:55.164" v="3304" actId="20577"/>
        <pc:sldMkLst>
          <pc:docMk/>
          <pc:sldMk cId="89719522" sldId="262"/>
        </pc:sldMkLst>
        <pc:spChg chg="mod">
          <ac:chgData name="Adam Wilson" userId="b8e2e8a2000bddc0" providerId="LiveId" clId="{A95D38A2-743B-422F-85AA-8A2F54BB1846}" dt="2021-09-13T09:22:50.185" v="1558" actId="20577"/>
          <ac:spMkLst>
            <pc:docMk/>
            <pc:sldMk cId="89719522" sldId="262"/>
            <ac:spMk id="2" creationId="{D68813D5-D52D-43C3-8416-BC638A3484CA}"/>
          </ac:spMkLst>
        </pc:spChg>
        <pc:spChg chg="del">
          <ac:chgData name="Adam Wilson" userId="b8e2e8a2000bddc0" providerId="LiveId" clId="{A95D38A2-743B-422F-85AA-8A2F54BB1846}" dt="2021-09-13T08:56:33.424" v="565" actId="478"/>
          <ac:spMkLst>
            <pc:docMk/>
            <pc:sldMk cId="89719522" sldId="262"/>
            <ac:spMk id="3" creationId="{79978FDC-33EB-498F-9F92-BDC6AED11400}"/>
          </ac:spMkLst>
        </pc:spChg>
        <pc:spChg chg="add mod">
          <ac:chgData name="Adam Wilson" userId="b8e2e8a2000bddc0" providerId="LiveId" clId="{A95D38A2-743B-422F-85AA-8A2F54BB1846}" dt="2021-09-13T08:57:42.383" v="623" actId="1076"/>
          <ac:spMkLst>
            <pc:docMk/>
            <pc:sldMk cId="89719522" sldId="262"/>
            <ac:spMk id="13" creationId="{EA6442EF-68F7-4093-87FC-25B1702D2A0F}"/>
          </ac:spMkLst>
        </pc:spChg>
        <pc:spChg chg="add mod">
          <ac:chgData name="Adam Wilson" userId="b8e2e8a2000bddc0" providerId="LiveId" clId="{A95D38A2-743B-422F-85AA-8A2F54BB1846}" dt="2021-09-13T08:58:10.368" v="651" actId="1076"/>
          <ac:spMkLst>
            <pc:docMk/>
            <pc:sldMk cId="89719522" sldId="262"/>
            <ac:spMk id="14" creationId="{58117BA1-E516-47D9-8F5B-24CB1BD84CEC}"/>
          </ac:spMkLst>
        </pc:spChg>
        <pc:spChg chg="add mod">
          <ac:chgData name="Adam Wilson" userId="b8e2e8a2000bddc0" providerId="LiveId" clId="{A95D38A2-743B-422F-85AA-8A2F54BB1846}" dt="2021-09-13T08:58:17.129" v="653" actId="1076"/>
          <ac:spMkLst>
            <pc:docMk/>
            <pc:sldMk cId="89719522" sldId="262"/>
            <ac:spMk id="19" creationId="{08CCA7AF-EEE8-48FE-9E42-FC5E5F71B98E}"/>
          </ac:spMkLst>
        </pc:spChg>
        <pc:picChg chg="add mod">
          <ac:chgData name="Adam Wilson" userId="b8e2e8a2000bddc0" providerId="LiveId" clId="{A95D38A2-743B-422F-85AA-8A2F54BB1846}" dt="2021-09-13T08:57:49.881" v="625" actId="1076"/>
          <ac:picMkLst>
            <pc:docMk/>
            <pc:sldMk cId="89719522" sldId="262"/>
            <ac:picMk id="6" creationId="{40556D72-AEB5-4AFC-83F3-EE30C4F92083}"/>
          </ac:picMkLst>
        </pc:picChg>
        <pc:cxnChg chg="add mod">
          <ac:chgData name="Adam Wilson" userId="b8e2e8a2000bddc0" providerId="LiveId" clId="{A95D38A2-743B-422F-85AA-8A2F54BB1846}" dt="2021-09-13T08:58:03.183" v="630" actId="14100"/>
          <ac:cxnSpMkLst>
            <pc:docMk/>
            <pc:sldMk cId="89719522" sldId="262"/>
            <ac:cxnSpMk id="8" creationId="{5E8049F0-FC2B-452A-9823-8ABA4BDE72B2}"/>
          </ac:cxnSpMkLst>
        </pc:cxnChg>
        <pc:cxnChg chg="add mod">
          <ac:chgData name="Adam Wilson" userId="b8e2e8a2000bddc0" providerId="LiveId" clId="{A95D38A2-743B-422F-85AA-8A2F54BB1846}" dt="2021-09-13T08:57:59.862" v="629" actId="14100"/>
          <ac:cxnSpMkLst>
            <pc:docMk/>
            <pc:sldMk cId="89719522" sldId="262"/>
            <ac:cxnSpMk id="16" creationId="{24253F57-0346-4F47-A499-0A6BFF8386A6}"/>
          </ac:cxnSpMkLst>
        </pc:cxnChg>
        <pc:cxnChg chg="add mod">
          <ac:chgData name="Adam Wilson" userId="b8e2e8a2000bddc0" providerId="LiveId" clId="{A95D38A2-743B-422F-85AA-8A2F54BB1846}" dt="2021-09-13T08:58:27.400" v="656" actId="14100"/>
          <ac:cxnSpMkLst>
            <pc:docMk/>
            <pc:sldMk cId="89719522" sldId="262"/>
            <ac:cxnSpMk id="20" creationId="{01E4C80D-D9E8-44E8-B70B-E1ACDBF1D626}"/>
          </ac:cxnSpMkLst>
        </pc:cxnChg>
      </pc:sldChg>
      <pc:sldChg chg="addSp delSp modSp new del mod">
        <pc:chgData name="Adam Wilson" userId="b8e2e8a2000bddc0" providerId="LiveId" clId="{A95D38A2-743B-422F-85AA-8A2F54BB1846}" dt="2021-09-14T08:34:18.225" v="2837" actId="47"/>
        <pc:sldMkLst>
          <pc:docMk/>
          <pc:sldMk cId="1155663483" sldId="263"/>
        </pc:sldMkLst>
        <pc:spChg chg="del">
          <ac:chgData name="Adam Wilson" userId="b8e2e8a2000bddc0" providerId="LiveId" clId="{A95D38A2-743B-422F-85AA-8A2F54BB1846}" dt="2021-09-13T09:03:50.414" v="838" actId="478"/>
          <ac:spMkLst>
            <pc:docMk/>
            <pc:sldMk cId="1155663483" sldId="263"/>
            <ac:spMk id="3" creationId="{5207FE2A-F7EC-48EA-9A1C-1AF14FBE0590}"/>
          </ac:spMkLst>
        </pc:spChg>
        <pc:spChg chg="add mod">
          <ac:chgData name="Adam Wilson" userId="b8e2e8a2000bddc0" providerId="LiveId" clId="{A95D38A2-743B-422F-85AA-8A2F54BB1846}" dt="2021-09-13T09:04:37.905" v="850" actId="208"/>
          <ac:spMkLst>
            <pc:docMk/>
            <pc:sldMk cId="1155663483" sldId="263"/>
            <ac:spMk id="5" creationId="{06AD189F-7098-420C-B05C-E91EFE28598E}"/>
          </ac:spMkLst>
        </pc:spChg>
        <pc:spChg chg="add del mod">
          <ac:chgData name="Adam Wilson" userId="b8e2e8a2000bddc0" providerId="LiveId" clId="{A95D38A2-743B-422F-85AA-8A2F54BB1846}" dt="2021-09-13T09:03:53.472" v="840" actId="478"/>
          <ac:spMkLst>
            <pc:docMk/>
            <pc:sldMk cId="1155663483" sldId="263"/>
            <ac:spMk id="10" creationId="{29FA951F-1BAA-4907-B2FA-71155E0AF7CE}"/>
          </ac:spMkLst>
        </pc:spChg>
        <pc:spChg chg="add del mod">
          <ac:chgData name="Adam Wilson" userId="b8e2e8a2000bddc0" providerId="LiveId" clId="{A95D38A2-743B-422F-85AA-8A2F54BB1846}" dt="2021-09-13T09:03:54.205" v="841" actId="478"/>
          <ac:spMkLst>
            <pc:docMk/>
            <pc:sldMk cId="1155663483" sldId="263"/>
            <ac:spMk id="11" creationId="{BA4BAA0C-2716-42E9-9E03-9A745AA285CF}"/>
          </ac:spMkLst>
        </pc:spChg>
        <pc:cxnChg chg="add mod">
          <ac:chgData name="Adam Wilson" userId="b8e2e8a2000bddc0" providerId="LiveId" clId="{A95D38A2-743B-422F-85AA-8A2F54BB1846}" dt="2021-09-13T09:04:52.041" v="852" actId="1582"/>
          <ac:cxnSpMkLst>
            <pc:docMk/>
            <pc:sldMk cId="1155663483" sldId="263"/>
            <ac:cxnSpMk id="6" creationId="{453BE54D-7F05-4A04-B08B-0E3349308C93}"/>
          </ac:cxnSpMkLst>
        </pc:cxnChg>
        <pc:cxnChg chg="add mod">
          <ac:chgData name="Adam Wilson" userId="b8e2e8a2000bddc0" providerId="LiveId" clId="{A95D38A2-743B-422F-85AA-8A2F54BB1846}" dt="2021-09-13T09:04:52.041" v="852" actId="1582"/>
          <ac:cxnSpMkLst>
            <pc:docMk/>
            <pc:sldMk cId="1155663483" sldId="263"/>
            <ac:cxnSpMk id="7" creationId="{65D8649F-968B-43C1-88AE-7985FC768283}"/>
          </ac:cxnSpMkLst>
        </pc:cxnChg>
        <pc:cxnChg chg="add mod">
          <ac:chgData name="Adam Wilson" userId="b8e2e8a2000bddc0" providerId="LiveId" clId="{A95D38A2-743B-422F-85AA-8A2F54BB1846}" dt="2021-09-13T09:04:52.041" v="852" actId="1582"/>
          <ac:cxnSpMkLst>
            <pc:docMk/>
            <pc:sldMk cId="1155663483" sldId="263"/>
            <ac:cxnSpMk id="8" creationId="{F1BB9360-8725-4915-8B4D-E8959D841678}"/>
          </ac:cxnSpMkLst>
        </pc:cxnChg>
        <pc:cxnChg chg="add mod">
          <ac:chgData name="Adam Wilson" userId="b8e2e8a2000bddc0" providerId="LiveId" clId="{A95D38A2-743B-422F-85AA-8A2F54BB1846}" dt="2021-09-13T09:04:52.041" v="852" actId="1582"/>
          <ac:cxnSpMkLst>
            <pc:docMk/>
            <pc:sldMk cId="1155663483" sldId="263"/>
            <ac:cxnSpMk id="9" creationId="{BCE6F125-D434-4C04-824C-E7026C038317}"/>
          </ac:cxnSpMkLst>
        </pc:cxnChg>
        <pc:cxnChg chg="add mod">
          <ac:chgData name="Adam Wilson" userId="b8e2e8a2000bddc0" providerId="LiveId" clId="{A95D38A2-743B-422F-85AA-8A2F54BB1846}" dt="2021-09-13T09:06:46.868" v="877"/>
          <ac:cxnSpMkLst>
            <pc:docMk/>
            <pc:sldMk cId="1155663483" sldId="263"/>
            <ac:cxnSpMk id="12" creationId="{0CF6C200-AA47-46F4-8B56-B7AF3E6238C6}"/>
          </ac:cxnSpMkLst>
        </pc:cxnChg>
        <pc:cxnChg chg="add mod">
          <ac:chgData name="Adam Wilson" userId="b8e2e8a2000bddc0" providerId="LiveId" clId="{A95D38A2-743B-422F-85AA-8A2F54BB1846}" dt="2021-09-13T09:06:46.868" v="877"/>
          <ac:cxnSpMkLst>
            <pc:docMk/>
            <pc:sldMk cId="1155663483" sldId="263"/>
            <ac:cxnSpMk id="13" creationId="{6C0F7B57-4665-46EF-9F57-C86B2520A516}"/>
          </ac:cxnSpMkLst>
        </pc:cxnChg>
      </pc:sldChg>
      <pc:sldChg chg="addSp delSp modSp new mod modNotesTx">
        <pc:chgData name="Adam Wilson" userId="b8e2e8a2000bddc0" providerId="LiveId" clId="{A95D38A2-743B-422F-85AA-8A2F54BB1846}" dt="2021-09-14T10:59:31.698" v="3185" actId="20577"/>
        <pc:sldMkLst>
          <pc:docMk/>
          <pc:sldMk cId="4086594679" sldId="264"/>
        </pc:sldMkLst>
        <pc:spChg chg="mod">
          <ac:chgData name="Adam Wilson" userId="b8e2e8a2000bddc0" providerId="LiveId" clId="{A95D38A2-743B-422F-85AA-8A2F54BB1846}" dt="2021-09-13T09:16:06.633" v="1008" actId="20577"/>
          <ac:spMkLst>
            <pc:docMk/>
            <pc:sldMk cId="4086594679" sldId="264"/>
            <ac:spMk id="2" creationId="{B82224F9-95F4-45DA-9B9F-7FDBE0FC0873}"/>
          </ac:spMkLst>
        </pc:spChg>
        <pc:spChg chg="mod">
          <ac:chgData name="Adam Wilson" userId="b8e2e8a2000bddc0" providerId="LiveId" clId="{A95D38A2-743B-422F-85AA-8A2F54BB1846}" dt="2021-09-13T09:20:15.428" v="1433" actId="1076"/>
          <ac:spMkLst>
            <pc:docMk/>
            <pc:sldMk cId="4086594679" sldId="264"/>
            <ac:spMk id="3" creationId="{06E16F1E-DACE-4112-8957-A1603D63DF35}"/>
          </ac:spMkLst>
        </pc:spChg>
        <pc:spChg chg="add mod">
          <ac:chgData name="Adam Wilson" userId="b8e2e8a2000bddc0" providerId="LiveId" clId="{A95D38A2-743B-422F-85AA-8A2F54BB1846}" dt="2021-09-13T09:22:07.023" v="1544" actId="1076"/>
          <ac:spMkLst>
            <pc:docMk/>
            <pc:sldMk cId="4086594679" sldId="264"/>
            <ac:spMk id="27" creationId="{9DFACBC6-0E60-488F-AFDB-2F860BE0D391}"/>
          </ac:spMkLst>
        </pc:spChg>
        <pc:spChg chg="add mod">
          <ac:chgData name="Adam Wilson" userId="b8e2e8a2000bddc0" providerId="LiveId" clId="{A95D38A2-743B-422F-85AA-8A2F54BB1846}" dt="2021-09-13T09:22:04.024" v="1543" actId="1076"/>
          <ac:spMkLst>
            <pc:docMk/>
            <pc:sldMk cId="4086594679" sldId="264"/>
            <ac:spMk id="29" creationId="{283D432B-0E8C-46F4-9CE7-A21FC9F07ACF}"/>
          </ac:spMkLst>
        </pc:spChg>
        <pc:spChg chg="add mod">
          <ac:chgData name="Adam Wilson" userId="b8e2e8a2000bddc0" providerId="LiveId" clId="{A95D38A2-743B-422F-85AA-8A2F54BB1846}" dt="2021-09-13T09:22:01.049" v="1542" actId="1076"/>
          <ac:spMkLst>
            <pc:docMk/>
            <pc:sldMk cId="4086594679" sldId="264"/>
            <ac:spMk id="30" creationId="{B7CCBC25-4853-46DC-ACEE-0B09B36C68FF}"/>
          </ac:spMkLst>
        </pc:spChg>
        <pc:picChg chg="add mod">
          <ac:chgData name="Adam Wilson" userId="b8e2e8a2000bddc0" providerId="LiveId" clId="{A95D38A2-743B-422F-85AA-8A2F54BB1846}" dt="2021-09-13T09:18:55.408" v="1344" actId="1076"/>
          <ac:picMkLst>
            <pc:docMk/>
            <pc:sldMk cId="4086594679" sldId="264"/>
            <ac:picMk id="6" creationId="{4AF79349-28D0-4967-8EE5-3909D58561CC}"/>
          </ac:picMkLst>
        </pc:picChg>
        <pc:picChg chg="add del mod">
          <ac:chgData name="Adam Wilson" userId="b8e2e8a2000bddc0" providerId="LiveId" clId="{A95D38A2-743B-422F-85AA-8A2F54BB1846}" dt="2021-09-13T09:18:52.792" v="1343" actId="478"/>
          <ac:picMkLst>
            <pc:docMk/>
            <pc:sldMk cId="4086594679" sldId="264"/>
            <ac:picMk id="8" creationId="{DCD006C6-FC3A-486A-AC38-88D1DCF74FF5}"/>
          </ac:picMkLst>
        </pc:picChg>
        <pc:picChg chg="add mod">
          <ac:chgData name="Adam Wilson" userId="b8e2e8a2000bddc0" providerId="LiveId" clId="{A95D38A2-743B-422F-85AA-8A2F54BB1846}" dt="2021-09-13T09:20:20.144" v="1436" actId="1076"/>
          <ac:picMkLst>
            <pc:docMk/>
            <pc:sldMk cId="4086594679" sldId="264"/>
            <ac:picMk id="10" creationId="{4FE2B1EF-3430-4B3E-ACD4-F574B2F0CBC1}"/>
          </ac:picMkLst>
        </pc:picChg>
        <pc:cxnChg chg="add mod">
          <ac:chgData name="Adam Wilson" userId="b8e2e8a2000bddc0" providerId="LiveId" clId="{A95D38A2-743B-422F-85AA-8A2F54BB1846}" dt="2021-09-13T09:21:14.696" v="1483" actId="1076"/>
          <ac:cxnSpMkLst>
            <pc:docMk/>
            <pc:sldMk cId="4086594679" sldId="264"/>
            <ac:cxnSpMk id="12" creationId="{D7C359C9-C283-41F5-A7A9-242B45DD19FD}"/>
          </ac:cxnSpMkLst>
        </pc:cxnChg>
        <pc:cxnChg chg="add mod">
          <ac:chgData name="Adam Wilson" userId="b8e2e8a2000bddc0" providerId="LiveId" clId="{A95D38A2-743B-422F-85AA-8A2F54BB1846}" dt="2021-09-13T09:21:27.112" v="1486" actId="14100"/>
          <ac:cxnSpMkLst>
            <pc:docMk/>
            <pc:sldMk cId="4086594679" sldId="264"/>
            <ac:cxnSpMk id="13" creationId="{6D261A0E-2986-4932-AAD5-5C10D58FE326}"/>
          </ac:cxnSpMkLst>
        </pc:cxnChg>
        <pc:cxnChg chg="add mod">
          <ac:chgData name="Adam Wilson" userId="b8e2e8a2000bddc0" providerId="LiveId" clId="{A95D38A2-743B-422F-85AA-8A2F54BB1846}" dt="2021-09-13T09:21:42" v="1519" actId="1076"/>
          <ac:cxnSpMkLst>
            <pc:docMk/>
            <pc:sldMk cId="4086594679" sldId="264"/>
            <ac:cxnSpMk id="24" creationId="{14B8E136-0477-43FA-84B0-1870584E202D}"/>
          </ac:cxnSpMkLst>
        </pc:cxnChg>
      </pc:sldChg>
      <pc:sldChg chg="addSp delSp modSp new mod">
        <pc:chgData name="Adam Wilson" userId="b8e2e8a2000bddc0" providerId="LiveId" clId="{A95D38A2-743B-422F-85AA-8A2F54BB1846}" dt="2021-09-14T08:51:26.888" v="2973" actId="20577"/>
        <pc:sldMkLst>
          <pc:docMk/>
          <pc:sldMk cId="1485270346" sldId="265"/>
        </pc:sldMkLst>
        <pc:spChg chg="mod">
          <ac:chgData name="Adam Wilson" userId="b8e2e8a2000bddc0" providerId="LiveId" clId="{A95D38A2-743B-422F-85AA-8A2F54BB1846}" dt="2021-09-14T08:51:26.888" v="2973" actId="20577"/>
          <ac:spMkLst>
            <pc:docMk/>
            <pc:sldMk cId="1485270346" sldId="265"/>
            <ac:spMk id="2" creationId="{7E1417A8-7923-4EA1-B90D-4153A7C4F087}"/>
          </ac:spMkLst>
        </pc:spChg>
        <pc:spChg chg="del">
          <ac:chgData name="Adam Wilson" userId="b8e2e8a2000bddc0" providerId="LiveId" clId="{A95D38A2-743B-422F-85AA-8A2F54BB1846}" dt="2021-09-13T09:26:11.850" v="1566" actId="478"/>
          <ac:spMkLst>
            <pc:docMk/>
            <pc:sldMk cId="1485270346" sldId="265"/>
            <ac:spMk id="3" creationId="{1BCFE72F-AD92-46E3-8FFA-0C698C2AFE3C}"/>
          </ac:spMkLst>
        </pc:spChg>
        <pc:spChg chg="add mod">
          <ac:chgData name="Adam Wilson" userId="b8e2e8a2000bddc0" providerId="LiveId" clId="{A95D38A2-743B-422F-85AA-8A2F54BB1846}" dt="2021-09-13T09:29:17.217" v="1637" actId="1076"/>
          <ac:spMkLst>
            <pc:docMk/>
            <pc:sldMk cId="1485270346" sldId="265"/>
            <ac:spMk id="17" creationId="{3A038E17-0412-4BC3-91AF-A2A3BE18E245}"/>
          </ac:spMkLst>
        </pc:spChg>
        <pc:grpChg chg="add mod">
          <ac:chgData name="Adam Wilson" userId="b8e2e8a2000bddc0" providerId="LiveId" clId="{A95D38A2-743B-422F-85AA-8A2F54BB1846}" dt="2021-09-13T09:29:19.352" v="1638" actId="1076"/>
          <ac:grpSpMkLst>
            <pc:docMk/>
            <pc:sldMk cId="1485270346" sldId="265"/>
            <ac:grpSpMk id="10" creationId="{C5C87606-A58C-405F-93CD-42D3B842E178}"/>
          </ac:grpSpMkLst>
        </pc:grpChg>
        <pc:picChg chg="add mod">
          <ac:chgData name="Adam Wilson" userId="b8e2e8a2000bddc0" providerId="LiveId" clId="{A95D38A2-743B-422F-85AA-8A2F54BB1846}" dt="2021-09-13T09:26:27.748" v="1571" actId="164"/>
          <ac:picMkLst>
            <pc:docMk/>
            <pc:sldMk cId="1485270346" sldId="265"/>
            <ac:picMk id="5" creationId="{F5AAB6C9-AB76-4C85-9131-00FC15B72A6F}"/>
          </ac:picMkLst>
        </pc:picChg>
        <pc:picChg chg="add mod">
          <ac:chgData name="Adam Wilson" userId="b8e2e8a2000bddc0" providerId="LiveId" clId="{A95D38A2-743B-422F-85AA-8A2F54BB1846}" dt="2021-09-13T09:29:17.217" v="1637" actId="1076"/>
          <ac:picMkLst>
            <pc:docMk/>
            <pc:sldMk cId="1485270346" sldId="265"/>
            <ac:picMk id="9" creationId="{625B4ADB-3E99-4675-A23F-B2A683591E5C}"/>
          </ac:picMkLst>
        </pc:picChg>
        <pc:picChg chg="add del mod">
          <ac:chgData name="Adam Wilson" userId="b8e2e8a2000bddc0" providerId="LiveId" clId="{A95D38A2-743B-422F-85AA-8A2F54BB1846}" dt="2021-09-13T09:27:10.297" v="1581" actId="478"/>
          <ac:picMkLst>
            <pc:docMk/>
            <pc:sldMk cId="1485270346" sldId="265"/>
            <ac:picMk id="11" creationId="{F829FCBE-1654-49A4-9727-E7A62DF97D29}"/>
          </ac:picMkLst>
        </pc:picChg>
        <pc:picChg chg="add mod">
          <ac:chgData name="Adam Wilson" userId="b8e2e8a2000bddc0" providerId="LiveId" clId="{A95D38A2-743B-422F-85AA-8A2F54BB1846}" dt="2021-09-13T11:21:27.988" v="1838" actId="1076"/>
          <ac:picMkLst>
            <pc:docMk/>
            <pc:sldMk cId="1485270346" sldId="265"/>
            <ac:picMk id="12" creationId="{F4AFADF2-D446-49D9-9190-9D075E45AAEF}"/>
          </ac:picMkLst>
        </pc:picChg>
        <pc:cxnChg chg="add mod">
          <ac:chgData name="Adam Wilson" userId="b8e2e8a2000bddc0" providerId="LiveId" clId="{A95D38A2-743B-422F-85AA-8A2F54BB1846}" dt="2021-09-13T09:26:27.748" v="1571" actId="164"/>
          <ac:cxnSpMkLst>
            <pc:docMk/>
            <pc:sldMk cId="1485270346" sldId="265"/>
            <ac:cxnSpMk id="6" creationId="{2F757DF8-7BF8-4BEB-80BA-2A7B31871E21}"/>
          </ac:cxnSpMkLst>
        </pc:cxnChg>
        <pc:cxnChg chg="add mod">
          <ac:chgData name="Adam Wilson" userId="b8e2e8a2000bddc0" providerId="LiveId" clId="{A95D38A2-743B-422F-85AA-8A2F54BB1846}" dt="2021-09-13T09:26:27.748" v="1571" actId="164"/>
          <ac:cxnSpMkLst>
            <pc:docMk/>
            <pc:sldMk cId="1485270346" sldId="265"/>
            <ac:cxnSpMk id="7" creationId="{97A8566E-E64F-4AFD-BC6D-CFA60E57D6E6}"/>
          </ac:cxnSpMkLst>
        </pc:cxnChg>
        <pc:cxnChg chg="add mod">
          <ac:chgData name="Adam Wilson" userId="b8e2e8a2000bddc0" providerId="LiveId" clId="{A95D38A2-743B-422F-85AA-8A2F54BB1846}" dt="2021-09-13T09:26:27.748" v="1571" actId="164"/>
          <ac:cxnSpMkLst>
            <pc:docMk/>
            <pc:sldMk cId="1485270346" sldId="265"/>
            <ac:cxnSpMk id="8" creationId="{6A6CAC4D-3316-42D6-892F-DDB5375EC59A}"/>
          </ac:cxnSpMkLst>
        </pc:cxnChg>
        <pc:cxnChg chg="add del">
          <ac:chgData name="Adam Wilson" userId="b8e2e8a2000bddc0" providerId="LiveId" clId="{A95D38A2-743B-422F-85AA-8A2F54BB1846}" dt="2021-09-13T09:27:31.250" v="1585" actId="11529"/>
          <ac:cxnSpMkLst>
            <pc:docMk/>
            <pc:sldMk cId="1485270346" sldId="265"/>
            <ac:cxnSpMk id="14" creationId="{D16D10F4-449E-4386-B64A-891BA49B08BC}"/>
          </ac:cxnSpMkLst>
        </pc:cxnChg>
        <pc:cxnChg chg="add mod">
          <ac:chgData name="Adam Wilson" userId="b8e2e8a2000bddc0" providerId="LiveId" clId="{A95D38A2-743B-422F-85AA-8A2F54BB1846}" dt="2021-09-13T09:29:17.217" v="1637" actId="1076"/>
          <ac:cxnSpMkLst>
            <pc:docMk/>
            <pc:sldMk cId="1485270346" sldId="265"/>
            <ac:cxnSpMk id="16" creationId="{47BEBCDA-F725-49DD-91FA-E6F201E52062}"/>
          </ac:cxnSpMkLst>
        </pc:cxnChg>
      </pc:sldChg>
      <pc:sldChg chg="addSp delSp modSp new mod">
        <pc:chgData name="Adam Wilson" userId="b8e2e8a2000bddc0" providerId="LiveId" clId="{A95D38A2-743B-422F-85AA-8A2F54BB1846}" dt="2021-09-13T11:27:09.762" v="1923" actId="21"/>
        <pc:sldMkLst>
          <pc:docMk/>
          <pc:sldMk cId="3414037431" sldId="266"/>
        </pc:sldMkLst>
        <pc:spChg chg="mod">
          <ac:chgData name="Adam Wilson" userId="b8e2e8a2000bddc0" providerId="LiveId" clId="{A95D38A2-743B-422F-85AA-8A2F54BB1846}" dt="2021-09-13T11:27:09.762" v="1923" actId="21"/>
          <ac:spMkLst>
            <pc:docMk/>
            <pc:sldMk cId="3414037431" sldId="266"/>
            <ac:spMk id="2" creationId="{AAC1C493-8FFB-4781-858D-8D3C83A73C02}"/>
          </ac:spMkLst>
        </pc:spChg>
        <pc:spChg chg="del">
          <ac:chgData name="Adam Wilson" userId="b8e2e8a2000bddc0" providerId="LiveId" clId="{A95D38A2-743B-422F-85AA-8A2F54BB1846}" dt="2021-09-13T09:30:43.350" v="1648" actId="478"/>
          <ac:spMkLst>
            <pc:docMk/>
            <pc:sldMk cId="3414037431" sldId="266"/>
            <ac:spMk id="3" creationId="{466B541A-63C8-4C99-920B-EED4FD22B1D8}"/>
          </ac:spMkLst>
        </pc:spChg>
        <pc:spChg chg="add del mod">
          <ac:chgData name="Adam Wilson" userId="b8e2e8a2000bddc0" providerId="LiveId" clId="{A95D38A2-743B-422F-85AA-8A2F54BB1846}" dt="2021-09-13T11:26:50.616" v="1918" actId="403"/>
          <ac:spMkLst>
            <pc:docMk/>
            <pc:sldMk cId="3414037431" sldId="266"/>
            <ac:spMk id="17" creationId="{3D89BCC7-3B44-46CE-9A97-E7DA88B87D90}"/>
          </ac:spMkLst>
        </pc:spChg>
        <pc:picChg chg="add mod">
          <ac:chgData name="Adam Wilson" userId="b8e2e8a2000bddc0" providerId="LiveId" clId="{A95D38A2-743B-422F-85AA-8A2F54BB1846}" dt="2021-09-13T11:26:55.469" v="1920" actId="1076"/>
          <ac:picMkLst>
            <pc:docMk/>
            <pc:sldMk cId="3414037431" sldId="266"/>
            <ac:picMk id="6" creationId="{A75693C6-E9C7-4040-B7D7-0FD8B79F206C}"/>
          </ac:picMkLst>
        </pc:picChg>
        <pc:picChg chg="add del mod">
          <ac:chgData name="Adam Wilson" userId="b8e2e8a2000bddc0" providerId="LiveId" clId="{A95D38A2-743B-422F-85AA-8A2F54BB1846}" dt="2021-09-13T11:06:24.646" v="1663" actId="21"/>
          <ac:picMkLst>
            <pc:docMk/>
            <pc:sldMk cId="3414037431" sldId="266"/>
            <ac:picMk id="8" creationId="{3724A743-A012-488B-A489-6DCC1E43BAED}"/>
          </ac:picMkLst>
        </pc:picChg>
        <pc:picChg chg="add del mod">
          <ac:chgData name="Adam Wilson" userId="b8e2e8a2000bddc0" providerId="LiveId" clId="{A95D38A2-743B-422F-85AA-8A2F54BB1846}" dt="2021-09-13T11:06:24.646" v="1663" actId="21"/>
          <ac:picMkLst>
            <pc:docMk/>
            <pc:sldMk cId="3414037431" sldId="266"/>
            <ac:picMk id="9" creationId="{008F4361-7BEE-44B0-BA4F-E3D380B36FD9}"/>
          </ac:picMkLst>
        </pc:picChg>
        <pc:picChg chg="add del mod">
          <ac:chgData name="Adam Wilson" userId="b8e2e8a2000bddc0" providerId="LiveId" clId="{A95D38A2-743B-422F-85AA-8A2F54BB1846}" dt="2021-09-13T11:06:24.646" v="1663" actId="21"/>
          <ac:picMkLst>
            <pc:docMk/>
            <pc:sldMk cId="3414037431" sldId="266"/>
            <ac:picMk id="10" creationId="{93F7DA83-0BD2-4800-9137-47FDD8D95FD8}"/>
          </ac:picMkLst>
        </pc:picChg>
        <pc:picChg chg="add mod">
          <ac:chgData name="Adam Wilson" userId="b8e2e8a2000bddc0" providerId="LiveId" clId="{A95D38A2-743B-422F-85AA-8A2F54BB1846}" dt="2021-09-13T11:25:56.372" v="1891" actId="1076"/>
          <ac:picMkLst>
            <pc:docMk/>
            <pc:sldMk cId="3414037431" sldId="266"/>
            <ac:picMk id="12" creationId="{F8814783-48A6-4FD5-B336-D8EAB8CC50ED}"/>
          </ac:picMkLst>
        </pc:picChg>
        <pc:cxnChg chg="add del mod">
          <ac:chgData name="Adam Wilson" userId="b8e2e8a2000bddc0" providerId="LiveId" clId="{A95D38A2-743B-422F-85AA-8A2F54BB1846}" dt="2021-09-13T11:26:24.912" v="1895" actId="478"/>
          <ac:cxnSpMkLst>
            <pc:docMk/>
            <pc:sldMk cId="3414037431" sldId="266"/>
            <ac:cxnSpMk id="14" creationId="{6F35F6E4-916C-41C6-8421-8D2AFED88B89}"/>
          </ac:cxnSpMkLst>
        </pc:cxnChg>
        <pc:cxnChg chg="add mod">
          <ac:chgData name="Adam Wilson" userId="b8e2e8a2000bddc0" providerId="LiveId" clId="{A95D38A2-743B-422F-85AA-8A2F54BB1846}" dt="2021-09-13T11:26:50.616" v="1918" actId="403"/>
          <ac:cxnSpMkLst>
            <pc:docMk/>
            <pc:sldMk cId="3414037431" sldId="266"/>
            <ac:cxnSpMk id="16" creationId="{2E47D70D-4C74-4F31-A69F-20B2A6B03CDB}"/>
          </ac:cxnSpMkLst>
        </pc:cxnChg>
      </pc:sldChg>
      <pc:sldChg chg="addSp delSp modSp new mod ord">
        <pc:chgData name="Adam Wilson" userId="b8e2e8a2000bddc0" providerId="LiveId" clId="{A95D38A2-743B-422F-85AA-8A2F54BB1846}" dt="2021-09-14T10:33:10.418" v="3011" actId="1076"/>
        <pc:sldMkLst>
          <pc:docMk/>
          <pc:sldMk cId="257638702" sldId="267"/>
        </pc:sldMkLst>
        <pc:spChg chg="mod">
          <ac:chgData name="Adam Wilson" userId="b8e2e8a2000bddc0" providerId="LiveId" clId="{A95D38A2-743B-422F-85AA-8A2F54BB1846}" dt="2021-09-13T11:18:18.796" v="1814" actId="1076"/>
          <ac:spMkLst>
            <pc:docMk/>
            <pc:sldMk cId="257638702" sldId="267"/>
            <ac:spMk id="2" creationId="{D2A45C41-C10A-447A-8A14-E0622B468406}"/>
          </ac:spMkLst>
        </pc:spChg>
        <pc:spChg chg="del">
          <ac:chgData name="Adam Wilson" userId="b8e2e8a2000bddc0" providerId="LiveId" clId="{A95D38A2-743B-422F-85AA-8A2F54BB1846}" dt="2021-09-13T11:06:31.285" v="1667" actId="478"/>
          <ac:spMkLst>
            <pc:docMk/>
            <pc:sldMk cId="257638702" sldId="267"/>
            <ac:spMk id="3" creationId="{D5D0F872-346A-4309-8736-208C68EC016B}"/>
          </ac:spMkLst>
        </pc:spChg>
        <pc:spChg chg="add del mod">
          <ac:chgData name="Adam Wilson" userId="b8e2e8a2000bddc0" providerId="LiveId" clId="{A95D38A2-743B-422F-85AA-8A2F54BB1846}" dt="2021-09-14T08:36:24.694" v="2853" actId="478"/>
          <ac:spMkLst>
            <pc:docMk/>
            <pc:sldMk cId="257638702" sldId="267"/>
            <ac:spMk id="8" creationId="{822DB9C5-4BB6-4342-986A-EE2103FA3440}"/>
          </ac:spMkLst>
        </pc:spChg>
        <pc:spChg chg="add del mod">
          <ac:chgData name="Adam Wilson" userId="b8e2e8a2000bddc0" providerId="LiveId" clId="{A95D38A2-743B-422F-85AA-8A2F54BB1846}" dt="2021-09-13T11:14:51.179" v="1768" actId="478"/>
          <ac:spMkLst>
            <pc:docMk/>
            <pc:sldMk cId="257638702" sldId="267"/>
            <ac:spMk id="10" creationId="{6FF4FF8B-B147-4DD5-A303-DEE2E3545527}"/>
          </ac:spMkLst>
        </pc:spChg>
        <pc:spChg chg="add mod">
          <ac:chgData name="Adam Wilson" userId="b8e2e8a2000bddc0" providerId="LiveId" clId="{A95D38A2-743B-422F-85AA-8A2F54BB1846}" dt="2021-09-14T08:36:34.569" v="2856" actId="1076"/>
          <ac:spMkLst>
            <pc:docMk/>
            <pc:sldMk cId="257638702" sldId="267"/>
            <ac:spMk id="11" creationId="{780043AB-59CA-42A9-879E-CACB7360F7BA}"/>
          </ac:spMkLst>
        </pc:spChg>
        <pc:spChg chg="add mod">
          <ac:chgData name="Adam Wilson" userId="b8e2e8a2000bddc0" providerId="LiveId" clId="{A95D38A2-743B-422F-85AA-8A2F54BB1846}" dt="2021-09-14T08:36:34.569" v="2856" actId="1076"/>
          <ac:spMkLst>
            <pc:docMk/>
            <pc:sldMk cId="257638702" sldId="267"/>
            <ac:spMk id="15" creationId="{C5FAE88A-0FA8-4320-9D3B-7A0EC67C6B59}"/>
          </ac:spMkLst>
        </pc:spChg>
        <pc:spChg chg="add mod">
          <ac:chgData name="Adam Wilson" userId="b8e2e8a2000bddc0" providerId="LiveId" clId="{A95D38A2-743B-422F-85AA-8A2F54BB1846}" dt="2021-09-14T08:36:34.569" v="2856" actId="1076"/>
          <ac:spMkLst>
            <pc:docMk/>
            <pc:sldMk cId="257638702" sldId="267"/>
            <ac:spMk id="29" creationId="{4A76F710-8C88-4F87-B377-029E3D9D7683}"/>
          </ac:spMkLst>
        </pc:spChg>
        <pc:spChg chg="add mod">
          <ac:chgData name="Adam Wilson" userId="b8e2e8a2000bddc0" providerId="LiveId" clId="{A95D38A2-743B-422F-85AA-8A2F54BB1846}" dt="2021-09-14T08:36:34.569" v="2856" actId="1076"/>
          <ac:spMkLst>
            <pc:docMk/>
            <pc:sldMk cId="257638702" sldId="267"/>
            <ac:spMk id="30" creationId="{6FE1A3A3-4FFC-4A6E-B940-654A56A62998}"/>
          </ac:spMkLst>
        </pc:spChg>
        <pc:spChg chg="add mod">
          <ac:chgData name="Adam Wilson" userId="b8e2e8a2000bddc0" providerId="LiveId" clId="{A95D38A2-743B-422F-85AA-8A2F54BB1846}" dt="2021-09-14T08:36:34.569" v="2856" actId="1076"/>
          <ac:spMkLst>
            <pc:docMk/>
            <pc:sldMk cId="257638702" sldId="267"/>
            <ac:spMk id="52" creationId="{5A3DB758-16BC-4E2F-9B68-7266794AE557}"/>
          </ac:spMkLst>
        </pc:spChg>
        <pc:spChg chg="add mod">
          <ac:chgData name="Adam Wilson" userId="b8e2e8a2000bddc0" providerId="LiveId" clId="{A95D38A2-743B-422F-85AA-8A2F54BB1846}" dt="2021-09-14T08:36:34.569" v="2856" actId="1076"/>
          <ac:spMkLst>
            <pc:docMk/>
            <pc:sldMk cId="257638702" sldId="267"/>
            <ac:spMk id="53" creationId="{A75CAC67-E7FF-4270-93F1-06EC5A14F150}"/>
          </ac:spMkLst>
        </pc:spChg>
        <pc:spChg chg="add del mod">
          <ac:chgData name="Adam Wilson" userId="b8e2e8a2000bddc0" providerId="LiveId" clId="{A95D38A2-743B-422F-85AA-8A2F54BB1846}" dt="2021-09-13T11:18:42.052" v="1816"/>
          <ac:spMkLst>
            <pc:docMk/>
            <pc:sldMk cId="257638702" sldId="267"/>
            <ac:spMk id="64" creationId="{1243A23A-EF71-48E3-A1F9-FB63A9F8DFA1}"/>
          </ac:spMkLst>
        </pc:spChg>
        <pc:spChg chg="add del mod">
          <ac:chgData name="Adam Wilson" userId="b8e2e8a2000bddc0" providerId="LiveId" clId="{A95D38A2-743B-422F-85AA-8A2F54BB1846}" dt="2021-09-13T11:18:42.052" v="1816"/>
          <ac:spMkLst>
            <pc:docMk/>
            <pc:sldMk cId="257638702" sldId="267"/>
            <ac:spMk id="65" creationId="{5531AB4B-CF34-4D31-8885-8A7179938B26}"/>
          </ac:spMkLst>
        </pc:spChg>
        <pc:grpChg chg="add del mod">
          <ac:chgData name="Adam Wilson" userId="b8e2e8a2000bddc0" providerId="LiveId" clId="{A95D38A2-743B-422F-85AA-8A2F54BB1846}" dt="2021-09-13T11:11:27.667" v="1747" actId="478"/>
          <ac:grpSpMkLst>
            <pc:docMk/>
            <pc:sldMk cId="257638702" sldId="267"/>
            <ac:grpSpMk id="12" creationId="{C75054F5-0D2E-446C-9029-5CD9630F7071}"/>
          </ac:grpSpMkLst>
        </pc:grpChg>
        <pc:grpChg chg="add mod">
          <ac:chgData name="Adam Wilson" userId="b8e2e8a2000bddc0" providerId="LiveId" clId="{A95D38A2-743B-422F-85AA-8A2F54BB1846}" dt="2021-09-14T08:36:34.569" v="2856" actId="1076"/>
          <ac:grpSpMkLst>
            <pc:docMk/>
            <pc:sldMk cId="257638702" sldId="267"/>
            <ac:grpSpMk id="32" creationId="{6A5C94C1-1BF7-49A2-ABEA-69FD157897EA}"/>
          </ac:grpSpMkLst>
        </pc:grpChg>
        <pc:grpChg chg="add mod">
          <ac:chgData name="Adam Wilson" userId="b8e2e8a2000bddc0" providerId="LiveId" clId="{A95D38A2-743B-422F-85AA-8A2F54BB1846}" dt="2021-09-14T08:36:34.569" v="2856" actId="1076"/>
          <ac:grpSpMkLst>
            <pc:docMk/>
            <pc:sldMk cId="257638702" sldId="267"/>
            <ac:grpSpMk id="55" creationId="{21C4C584-FD94-4FA7-B925-D5FEA7F79127}"/>
          </ac:grpSpMkLst>
        </pc:grpChg>
        <pc:grpChg chg="add del mod">
          <ac:chgData name="Adam Wilson" userId="b8e2e8a2000bddc0" providerId="LiveId" clId="{A95D38A2-743B-422F-85AA-8A2F54BB1846}" dt="2021-09-13T11:18:42.052" v="1816"/>
          <ac:grpSpMkLst>
            <pc:docMk/>
            <pc:sldMk cId="257638702" sldId="267"/>
            <ac:grpSpMk id="67" creationId="{23DF5A01-D8A6-43BF-876D-8E1DA05D12A2}"/>
          </ac:grpSpMkLst>
        </pc:grpChg>
        <pc:picChg chg="add del mod">
          <ac:chgData name="Adam Wilson" userId="b8e2e8a2000bddc0" providerId="LiveId" clId="{A95D38A2-743B-422F-85AA-8A2F54BB1846}" dt="2021-09-13T11:13:39.323" v="1761" actId="478"/>
          <ac:picMkLst>
            <pc:docMk/>
            <pc:sldMk cId="257638702" sldId="267"/>
            <ac:picMk id="5" creationId="{7A7A928C-2D0E-48D2-B0EF-5AFC5FE941B1}"/>
          </ac:picMkLst>
        </pc:picChg>
        <pc:picChg chg="add del mod">
          <ac:chgData name="Adam Wilson" userId="b8e2e8a2000bddc0" providerId="LiveId" clId="{A95D38A2-743B-422F-85AA-8A2F54BB1846}" dt="2021-09-14T08:36:34.569" v="2856" actId="1076"/>
          <ac:picMkLst>
            <pc:docMk/>
            <pc:sldMk cId="257638702" sldId="267"/>
            <ac:picMk id="6" creationId="{68ADBE44-5557-49FD-8609-2006733DD55A}"/>
          </ac:picMkLst>
        </pc:picChg>
        <pc:picChg chg="add mod">
          <ac:chgData name="Adam Wilson" userId="b8e2e8a2000bddc0" providerId="LiveId" clId="{A95D38A2-743B-422F-85AA-8A2F54BB1846}" dt="2021-09-14T10:33:02.515" v="3006" actId="1076"/>
          <ac:picMkLst>
            <pc:docMk/>
            <pc:sldMk cId="257638702" sldId="267"/>
            <ac:picMk id="7" creationId="{F7EE4329-02AB-4A91-A370-91E2060BBA4A}"/>
          </ac:picMkLst>
        </pc:picChg>
        <pc:picChg chg="add mod">
          <ac:chgData name="Adam Wilson" userId="b8e2e8a2000bddc0" providerId="LiveId" clId="{A95D38A2-743B-422F-85AA-8A2F54BB1846}" dt="2021-09-14T10:33:06.481" v="3009" actId="1076"/>
          <ac:picMkLst>
            <pc:docMk/>
            <pc:sldMk cId="257638702" sldId="267"/>
            <ac:picMk id="31" creationId="{CF52676E-8FE9-46D8-BE1F-DBB84741C9D4}"/>
          </ac:picMkLst>
        </pc:picChg>
        <pc:picChg chg="add mod">
          <ac:chgData name="Adam Wilson" userId="b8e2e8a2000bddc0" providerId="LiveId" clId="{A95D38A2-743B-422F-85AA-8A2F54BB1846}" dt="2021-09-14T10:33:10.418" v="3011" actId="1076"/>
          <ac:picMkLst>
            <pc:docMk/>
            <pc:sldMk cId="257638702" sldId="267"/>
            <ac:picMk id="38" creationId="{642CACDC-BE0F-47C8-AA27-5B044DBA9419}"/>
          </ac:picMkLst>
        </pc:picChg>
        <pc:cxnChg chg="add mod">
          <ac:chgData name="Adam Wilson" userId="b8e2e8a2000bddc0" providerId="LiveId" clId="{A95D38A2-743B-422F-85AA-8A2F54BB1846}" dt="2021-09-14T08:36:34.569" v="2856" actId="1076"/>
          <ac:cxnSpMkLst>
            <pc:docMk/>
            <pc:sldMk cId="257638702" sldId="267"/>
            <ac:cxnSpMk id="9" creationId="{AD343A3B-55D3-49A9-8A6B-05605979D3D0}"/>
          </ac:cxnSpMkLst>
        </pc:cxnChg>
        <pc:cxnChg chg="mod">
          <ac:chgData name="Adam Wilson" userId="b8e2e8a2000bddc0" providerId="LiveId" clId="{A95D38A2-743B-422F-85AA-8A2F54BB1846}" dt="2021-09-13T11:11:26.788" v="1746" actId="14100"/>
          <ac:cxnSpMkLst>
            <pc:docMk/>
            <pc:sldMk cId="257638702" sldId="267"/>
            <ac:cxnSpMk id="13" creationId="{9795E66A-182B-409D-A15C-218F4FA7E2FD}"/>
          </ac:cxnSpMkLst>
        </pc:cxnChg>
        <pc:cxnChg chg="mod">
          <ac:chgData name="Adam Wilson" userId="b8e2e8a2000bddc0" providerId="LiveId" clId="{A95D38A2-743B-422F-85AA-8A2F54BB1846}" dt="2021-09-13T11:11:26.788" v="1746" actId="14100"/>
          <ac:cxnSpMkLst>
            <pc:docMk/>
            <pc:sldMk cId="257638702" sldId="267"/>
            <ac:cxnSpMk id="14" creationId="{16E3C47A-47C7-4D3B-9DF5-B2D7DC92EA6A}"/>
          </ac:cxnSpMkLst>
        </pc:cxnChg>
        <pc:cxnChg chg="add del mod">
          <ac:chgData name="Adam Wilson" userId="b8e2e8a2000bddc0" providerId="LiveId" clId="{A95D38A2-743B-422F-85AA-8A2F54BB1846}" dt="2021-09-13T11:17:48.623" v="1809" actId="478"/>
          <ac:cxnSpMkLst>
            <pc:docMk/>
            <pc:sldMk cId="257638702" sldId="267"/>
            <ac:cxnSpMk id="16" creationId="{22ECE465-731F-43D0-A180-5B94A264C63A}"/>
          </ac:cxnSpMkLst>
        </pc:cxnChg>
        <pc:cxnChg chg="add del mod">
          <ac:chgData name="Adam Wilson" userId="b8e2e8a2000bddc0" providerId="LiveId" clId="{A95D38A2-743B-422F-85AA-8A2F54BB1846}" dt="2021-09-13T11:10:06.366" v="1736" actId="478"/>
          <ac:cxnSpMkLst>
            <pc:docMk/>
            <pc:sldMk cId="257638702" sldId="267"/>
            <ac:cxnSpMk id="17" creationId="{FF1F8771-CC99-4928-8813-ADEFB36974F1}"/>
          </ac:cxnSpMkLst>
        </pc:cxnChg>
        <pc:cxnChg chg="add mod">
          <ac:chgData name="Adam Wilson" userId="b8e2e8a2000bddc0" providerId="LiveId" clId="{A95D38A2-743B-422F-85AA-8A2F54BB1846}" dt="2021-09-14T08:36:34.569" v="2856" actId="1076"/>
          <ac:cxnSpMkLst>
            <pc:docMk/>
            <pc:sldMk cId="257638702" sldId="267"/>
            <ac:cxnSpMk id="18" creationId="{6D524E17-D0E0-4F59-9E60-BE8AF7DD87D5}"/>
          </ac:cxnSpMkLst>
        </pc:cxnChg>
        <pc:cxnChg chg="add mod">
          <ac:chgData name="Adam Wilson" userId="b8e2e8a2000bddc0" providerId="LiveId" clId="{A95D38A2-743B-422F-85AA-8A2F54BB1846}" dt="2021-09-14T08:36:34.569" v="2856" actId="1076"/>
          <ac:cxnSpMkLst>
            <pc:docMk/>
            <pc:sldMk cId="257638702" sldId="267"/>
            <ac:cxnSpMk id="27" creationId="{BB43EBCC-6CA2-4100-B05F-EE70483A01E7}"/>
          </ac:cxnSpMkLst>
        </pc:cxnChg>
        <pc:cxnChg chg="add mod">
          <ac:chgData name="Adam Wilson" userId="b8e2e8a2000bddc0" providerId="LiveId" clId="{A95D38A2-743B-422F-85AA-8A2F54BB1846}" dt="2021-09-14T08:36:34.569" v="2856" actId="1076"/>
          <ac:cxnSpMkLst>
            <pc:docMk/>
            <pc:sldMk cId="257638702" sldId="267"/>
            <ac:cxnSpMk id="28" creationId="{30EE7ED9-B1EE-486E-9C2A-1202693C0637}"/>
          </ac:cxnSpMkLst>
        </pc:cxnChg>
        <pc:cxnChg chg="mod">
          <ac:chgData name="Adam Wilson" userId="b8e2e8a2000bddc0" providerId="LiveId" clId="{A95D38A2-743B-422F-85AA-8A2F54BB1846}" dt="2021-09-14T08:35:54.406" v="2843" actId="1076"/>
          <ac:cxnSpMkLst>
            <pc:docMk/>
            <pc:sldMk cId="257638702" sldId="267"/>
            <ac:cxnSpMk id="33" creationId="{E03AEE64-8BF1-4223-BD28-4A4996BAA51E}"/>
          </ac:cxnSpMkLst>
        </pc:cxnChg>
        <pc:cxnChg chg="mod">
          <ac:chgData name="Adam Wilson" userId="b8e2e8a2000bddc0" providerId="LiveId" clId="{A95D38A2-743B-422F-85AA-8A2F54BB1846}" dt="2021-09-14T08:35:54.406" v="2843" actId="1076"/>
          <ac:cxnSpMkLst>
            <pc:docMk/>
            <pc:sldMk cId="257638702" sldId="267"/>
            <ac:cxnSpMk id="34" creationId="{B5DAEB8D-2CCA-4006-BF23-AF810DF9349E}"/>
          </ac:cxnSpMkLst>
        </pc:cxnChg>
        <pc:cxnChg chg="add mod">
          <ac:chgData name="Adam Wilson" userId="b8e2e8a2000bddc0" providerId="LiveId" clId="{A95D38A2-743B-422F-85AA-8A2F54BB1846}" dt="2021-09-14T08:36:34.569" v="2856" actId="1076"/>
          <ac:cxnSpMkLst>
            <pc:docMk/>
            <pc:sldMk cId="257638702" sldId="267"/>
            <ac:cxnSpMk id="40" creationId="{D7B60CE0-8AE3-4246-9707-E714B8AEE7E0}"/>
          </ac:cxnSpMkLst>
        </pc:cxnChg>
        <pc:cxnChg chg="add mod">
          <ac:chgData name="Adam Wilson" userId="b8e2e8a2000bddc0" providerId="LiveId" clId="{A95D38A2-743B-422F-85AA-8A2F54BB1846}" dt="2021-09-14T08:36:34.569" v="2856" actId="1076"/>
          <ac:cxnSpMkLst>
            <pc:docMk/>
            <pc:sldMk cId="257638702" sldId="267"/>
            <ac:cxnSpMk id="42" creationId="{14625893-96C2-4F2F-A6AC-BCB645FD208F}"/>
          </ac:cxnSpMkLst>
        </pc:cxnChg>
        <pc:cxnChg chg="add mod">
          <ac:chgData name="Adam Wilson" userId="b8e2e8a2000bddc0" providerId="LiveId" clId="{A95D38A2-743B-422F-85AA-8A2F54BB1846}" dt="2021-09-14T08:36:34.569" v="2856" actId="1076"/>
          <ac:cxnSpMkLst>
            <pc:docMk/>
            <pc:sldMk cId="257638702" sldId="267"/>
            <ac:cxnSpMk id="54" creationId="{8D90CD55-40D4-4BED-A2AF-DE6F4CE007A8}"/>
          </ac:cxnSpMkLst>
        </pc:cxnChg>
        <pc:cxnChg chg="mod">
          <ac:chgData name="Adam Wilson" userId="b8e2e8a2000bddc0" providerId="LiveId" clId="{A95D38A2-743B-422F-85AA-8A2F54BB1846}" dt="2021-09-13T11:17:38.558" v="1806" actId="1076"/>
          <ac:cxnSpMkLst>
            <pc:docMk/>
            <pc:sldMk cId="257638702" sldId="267"/>
            <ac:cxnSpMk id="56" creationId="{B90EBC15-1A08-4F27-8AD8-82105B95C0B1}"/>
          </ac:cxnSpMkLst>
        </pc:cxnChg>
        <pc:cxnChg chg="mod">
          <ac:chgData name="Adam Wilson" userId="b8e2e8a2000bddc0" providerId="LiveId" clId="{A95D38A2-743B-422F-85AA-8A2F54BB1846}" dt="2021-09-13T11:17:38.558" v="1806" actId="1076"/>
          <ac:cxnSpMkLst>
            <pc:docMk/>
            <pc:sldMk cId="257638702" sldId="267"/>
            <ac:cxnSpMk id="57" creationId="{586A3155-8E8D-4B3D-93B4-5259C20E81C3}"/>
          </ac:cxnSpMkLst>
        </pc:cxnChg>
        <pc:cxnChg chg="add mod">
          <ac:chgData name="Adam Wilson" userId="b8e2e8a2000bddc0" providerId="LiveId" clId="{A95D38A2-743B-422F-85AA-8A2F54BB1846}" dt="2021-09-14T08:36:34.569" v="2856" actId="1076"/>
          <ac:cxnSpMkLst>
            <pc:docMk/>
            <pc:sldMk cId="257638702" sldId="267"/>
            <ac:cxnSpMk id="58" creationId="{2E825930-288E-4476-A17C-922AB8EB4BFB}"/>
          </ac:cxnSpMkLst>
        </pc:cxnChg>
        <pc:cxnChg chg="add mod">
          <ac:chgData name="Adam Wilson" userId="b8e2e8a2000bddc0" providerId="LiveId" clId="{A95D38A2-743B-422F-85AA-8A2F54BB1846}" dt="2021-09-14T08:36:34.569" v="2856" actId="1076"/>
          <ac:cxnSpMkLst>
            <pc:docMk/>
            <pc:sldMk cId="257638702" sldId="267"/>
            <ac:cxnSpMk id="59" creationId="{BD43B6E9-86C0-42BC-9581-2D9CAB7FB8EF}"/>
          </ac:cxnSpMkLst>
        </pc:cxnChg>
        <pc:cxnChg chg="add del mod">
          <ac:chgData name="Adam Wilson" userId="b8e2e8a2000bddc0" providerId="LiveId" clId="{A95D38A2-743B-422F-85AA-8A2F54BB1846}" dt="2021-09-13T11:18:42.052" v="1816"/>
          <ac:cxnSpMkLst>
            <pc:docMk/>
            <pc:sldMk cId="257638702" sldId="267"/>
            <ac:cxnSpMk id="66" creationId="{DA33F5AE-1CDA-4221-82DB-88537EEB913F}"/>
          </ac:cxnSpMkLst>
        </pc:cxnChg>
        <pc:cxnChg chg="mod">
          <ac:chgData name="Adam Wilson" userId="b8e2e8a2000bddc0" providerId="LiveId" clId="{A95D38A2-743B-422F-85AA-8A2F54BB1846}" dt="2021-09-13T11:18:40.727" v="1815"/>
          <ac:cxnSpMkLst>
            <pc:docMk/>
            <pc:sldMk cId="257638702" sldId="267"/>
            <ac:cxnSpMk id="68" creationId="{A3D4ABF4-509F-49C5-996A-0C10826EE3B7}"/>
          </ac:cxnSpMkLst>
        </pc:cxnChg>
        <pc:cxnChg chg="mod">
          <ac:chgData name="Adam Wilson" userId="b8e2e8a2000bddc0" providerId="LiveId" clId="{A95D38A2-743B-422F-85AA-8A2F54BB1846}" dt="2021-09-13T11:18:40.727" v="1815"/>
          <ac:cxnSpMkLst>
            <pc:docMk/>
            <pc:sldMk cId="257638702" sldId="267"/>
            <ac:cxnSpMk id="69" creationId="{1302DCCA-930D-4C7E-9F15-F9277317E438}"/>
          </ac:cxnSpMkLst>
        </pc:cxnChg>
        <pc:cxnChg chg="add del mod">
          <ac:chgData name="Adam Wilson" userId="b8e2e8a2000bddc0" providerId="LiveId" clId="{A95D38A2-743B-422F-85AA-8A2F54BB1846}" dt="2021-09-13T11:18:42.052" v="1816"/>
          <ac:cxnSpMkLst>
            <pc:docMk/>
            <pc:sldMk cId="257638702" sldId="267"/>
            <ac:cxnSpMk id="70" creationId="{37435D44-AE5A-4B36-84BD-1547EB85DF5E}"/>
          </ac:cxnSpMkLst>
        </pc:cxnChg>
        <pc:cxnChg chg="add del mod">
          <ac:chgData name="Adam Wilson" userId="b8e2e8a2000bddc0" providerId="LiveId" clId="{A95D38A2-743B-422F-85AA-8A2F54BB1846}" dt="2021-09-13T11:18:42.052" v="1816"/>
          <ac:cxnSpMkLst>
            <pc:docMk/>
            <pc:sldMk cId="257638702" sldId="267"/>
            <ac:cxnSpMk id="71" creationId="{C46C586C-0C43-4814-86D4-6DC44EA41660}"/>
          </ac:cxnSpMkLst>
        </pc:cxnChg>
      </pc:sldChg>
      <pc:sldChg chg="addSp delSp modSp add mod ord">
        <pc:chgData name="Adam Wilson" userId="b8e2e8a2000bddc0" providerId="LiveId" clId="{A95D38A2-743B-422F-85AA-8A2F54BB1846}" dt="2021-09-14T10:58:36.987" v="3069" actId="478"/>
        <pc:sldMkLst>
          <pc:docMk/>
          <pc:sldMk cId="2381234660" sldId="268"/>
        </pc:sldMkLst>
        <pc:spChg chg="mod">
          <ac:chgData name="Adam Wilson" userId="b8e2e8a2000bddc0" providerId="LiveId" clId="{A95D38A2-743B-422F-85AA-8A2F54BB1846}" dt="2021-09-14T08:37:30.704" v="2884" actId="20577"/>
          <ac:spMkLst>
            <pc:docMk/>
            <pc:sldMk cId="2381234660" sldId="268"/>
            <ac:spMk id="2" creationId="{D2A45C41-C10A-447A-8A14-E0622B468406}"/>
          </ac:spMkLst>
        </pc:spChg>
        <pc:spChg chg="add del mod">
          <ac:chgData name="Adam Wilson" userId="b8e2e8a2000bddc0" providerId="LiveId" clId="{A95D38A2-743B-422F-85AA-8A2F54BB1846}" dt="2021-09-14T10:58:36.987" v="3069" actId="478"/>
          <ac:spMkLst>
            <pc:docMk/>
            <pc:sldMk cId="2381234660" sldId="268"/>
            <ac:spMk id="3" creationId="{690254CA-C0A0-4033-BCDB-55AE1FDF92EE}"/>
          </ac:spMkLst>
        </pc:spChg>
        <pc:spChg chg="mod">
          <ac:chgData name="Adam Wilson" userId="b8e2e8a2000bddc0" providerId="LiveId" clId="{A95D38A2-743B-422F-85AA-8A2F54BB1846}" dt="2021-09-14T07:50:22.727" v="2555" actId="1076"/>
          <ac:spMkLst>
            <pc:docMk/>
            <pc:sldMk cId="2381234660" sldId="268"/>
            <ac:spMk id="11" creationId="{780043AB-59CA-42A9-879E-CACB7360F7BA}"/>
          </ac:spMkLst>
        </pc:spChg>
        <pc:spChg chg="add del mod">
          <ac:chgData name="Adam Wilson" userId="b8e2e8a2000bddc0" providerId="LiveId" clId="{A95D38A2-743B-422F-85AA-8A2F54BB1846}" dt="2021-09-14T10:22:16.775" v="2981" actId="20577"/>
          <ac:spMkLst>
            <pc:docMk/>
            <pc:sldMk cId="2381234660" sldId="268"/>
            <ac:spMk id="12" creationId="{4469EFA7-F453-4FB1-9B2E-5B8D6E4E4A4C}"/>
          </ac:spMkLst>
        </pc:spChg>
        <pc:spChg chg="mod">
          <ac:chgData name="Adam Wilson" userId="b8e2e8a2000bddc0" providerId="LiveId" clId="{A95D38A2-743B-422F-85AA-8A2F54BB1846}" dt="2021-09-14T07:50:22.727" v="2555" actId="1076"/>
          <ac:spMkLst>
            <pc:docMk/>
            <pc:sldMk cId="2381234660" sldId="268"/>
            <ac:spMk id="15" creationId="{C5FAE88A-0FA8-4320-9D3B-7A0EC67C6B59}"/>
          </ac:spMkLst>
        </pc:spChg>
        <pc:spChg chg="add mod">
          <ac:chgData name="Adam Wilson" userId="b8e2e8a2000bddc0" providerId="LiveId" clId="{A95D38A2-743B-422F-85AA-8A2F54BB1846}" dt="2021-09-14T10:22:20.003" v="2985" actId="20577"/>
          <ac:spMkLst>
            <pc:docMk/>
            <pc:sldMk cId="2381234660" sldId="268"/>
            <ac:spMk id="36" creationId="{4BB586FA-7320-4978-8CF8-4C89E36D9586}"/>
          </ac:spMkLst>
        </pc:spChg>
        <pc:spChg chg="mod">
          <ac:chgData name="Adam Wilson" userId="b8e2e8a2000bddc0" providerId="LiveId" clId="{A95D38A2-743B-422F-85AA-8A2F54BB1846}" dt="2021-09-14T07:50:22.727" v="2555" actId="1076"/>
          <ac:spMkLst>
            <pc:docMk/>
            <pc:sldMk cId="2381234660" sldId="268"/>
            <ac:spMk id="52" creationId="{5A3DB758-16BC-4E2F-9B68-7266794AE557}"/>
          </ac:spMkLst>
        </pc:spChg>
        <pc:spChg chg="mod">
          <ac:chgData name="Adam Wilson" userId="b8e2e8a2000bddc0" providerId="LiveId" clId="{A95D38A2-743B-422F-85AA-8A2F54BB1846}" dt="2021-09-14T07:50:22.727" v="2555" actId="1076"/>
          <ac:spMkLst>
            <pc:docMk/>
            <pc:sldMk cId="2381234660" sldId="268"/>
            <ac:spMk id="53" creationId="{A75CAC67-E7FF-4270-93F1-06EC5A14F150}"/>
          </ac:spMkLst>
        </pc:spChg>
        <pc:grpChg chg="add mod">
          <ac:chgData name="Adam Wilson" userId="b8e2e8a2000bddc0" providerId="LiveId" clId="{A95D38A2-743B-422F-85AA-8A2F54BB1846}" dt="2021-09-14T07:50:22.727" v="2555" actId="1076"/>
          <ac:grpSpMkLst>
            <pc:docMk/>
            <pc:sldMk cId="2381234660" sldId="268"/>
            <ac:grpSpMk id="25" creationId="{7084D78D-2ACD-42C3-9486-0EC55CE4F0A0}"/>
          </ac:grpSpMkLst>
        </pc:grpChg>
        <pc:grpChg chg="mod">
          <ac:chgData name="Adam Wilson" userId="b8e2e8a2000bddc0" providerId="LiveId" clId="{A95D38A2-743B-422F-85AA-8A2F54BB1846}" dt="2021-09-14T07:50:22.727" v="2555" actId="1076"/>
          <ac:grpSpMkLst>
            <pc:docMk/>
            <pc:sldMk cId="2381234660" sldId="268"/>
            <ac:grpSpMk id="32" creationId="{6A5C94C1-1BF7-49A2-ABEA-69FD157897EA}"/>
          </ac:grpSpMkLst>
        </pc:grpChg>
        <pc:grpChg chg="del mod">
          <ac:chgData name="Adam Wilson" userId="b8e2e8a2000bddc0" providerId="LiveId" clId="{A95D38A2-743B-422F-85AA-8A2F54BB1846}" dt="2021-09-13T11:19:17.268" v="1824" actId="478"/>
          <ac:grpSpMkLst>
            <pc:docMk/>
            <pc:sldMk cId="2381234660" sldId="268"/>
            <ac:grpSpMk id="55" creationId="{21C4C584-FD94-4FA7-B925-D5FEA7F79127}"/>
          </ac:grpSpMkLst>
        </pc:grpChg>
        <pc:picChg chg="add mod">
          <ac:chgData name="Adam Wilson" userId="b8e2e8a2000bddc0" providerId="LiveId" clId="{A95D38A2-743B-422F-85AA-8A2F54BB1846}" dt="2021-09-13T11:20:45.788" v="1834" actId="1076"/>
          <ac:picMkLst>
            <pc:docMk/>
            <pc:sldMk cId="2381234660" sldId="268"/>
            <ac:picMk id="5" creationId="{5901DA69-B71F-4B78-A6EC-7B08828D4119}"/>
          </ac:picMkLst>
        </pc:picChg>
        <pc:picChg chg="del">
          <ac:chgData name="Adam Wilson" userId="b8e2e8a2000bddc0" providerId="LiveId" clId="{A95D38A2-743B-422F-85AA-8A2F54BB1846}" dt="2021-09-13T11:20:17.060" v="1830" actId="478"/>
          <ac:picMkLst>
            <pc:docMk/>
            <pc:sldMk cId="2381234660" sldId="268"/>
            <ac:picMk id="6" creationId="{68ADBE44-5557-49FD-8609-2006733DD55A}"/>
          </ac:picMkLst>
        </pc:picChg>
        <pc:picChg chg="del">
          <ac:chgData name="Adam Wilson" userId="b8e2e8a2000bddc0" providerId="LiveId" clId="{A95D38A2-743B-422F-85AA-8A2F54BB1846}" dt="2021-09-13T11:20:54.517" v="1835" actId="478"/>
          <ac:picMkLst>
            <pc:docMk/>
            <pc:sldMk cId="2381234660" sldId="268"/>
            <ac:picMk id="7" creationId="{F7EE4329-02AB-4A91-A370-91E2060BBA4A}"/>
          </ac:picMkLst>
        </pc:picChg>
        <pc:picChg chg="del">
          <ac:chgData name="Adam Wilson" userId="b8e2e8a2000bddc0" providerId="LiveId" clId="{A95D38A2-743B-422F-85AA-8A2F54BB1846}" dt="2021-09-13T11:20:24.980" v="1831" actId="478"/>
          <ac:picMkLst>
            <pc:docMk/>
            <pc:sldMk cId="2381234660" sldId="268"/>
            <ac:picMk id="38" creationId="{642CACDC-BE0F-47C8-AA27-5B044DBA9419}"/>
          </ac:picMkLst>
        </pc:picChg>
        <pc:cxnChg chg="add 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6" creationId="{0002391B-648A-4E01-9229-95B734DA299D}"/>
          </ac:cxnSpMkLst>
        </pc:cxnChg>
        <pc:cxnChg chg="add mod">
          <ac:chgData name="Adam Wilson" userId="b8e2e8a2000bddc0" providerId="LiveId" clId="{A95D38A2-743B-422F-85AA-8A2F54BB1846}" dt="2021-09-14T10:22:16.775" v="2981" actId="20577"/>
          <ac:cxnSpMkLst>
            <pc:docMk/>
            <pc:sldMk cId="2381234660" sldId="268"/>
            <ac:cxnSpMk id="8" creationId="{3C045182-D6D8-48D4-B919-590F929B3C1F}"/>
          </ac:cxnSpMkLst>
        </pc:cxnChg>
        <pc:cxnChg chg="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9" creationId="{AD343A3B-55D3-49A9-8A6B-05605979D3D0}"/>
          </ac:cxnSpMkLst>
        </pc:cxnChg>
        <pc:cxnChg chg="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18" creationId="{6D524E17-D0E0-4F59-9E60-BE8AF7DD87D5}"/>
          </ac:cxnSpMkLst>
        </pc:cxnChg>
        <pc:cxnChg chg="add 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24" creationId="{3BCE831C-5176-4077-B2D2-389CB71C178B}"/>
          </ac:cxnSpMkLst>
        </pc:cxnChg>
        <pc:cxnChg chg="mod">
          <ac:chgData name="Adam Wilson" userId="b8e2e8a2000bddc0" providerId="LiveId" clId="{A95D38A2-743B-422F-85AA-8A2F54BB1846}" dt="2021-09-14T07:49:12.894" v="2487" actId="1076"/>
          <ac:cxnSpMkLst>
            <pc:docMk/>
            <pc:sldMk cId="2381234660" sldId="268"/>
            <ac:cxnSpMk id="26" creationId="{2ED40F76-C861-4C01-9C85-102F9BE09149}"/>
          </ac:cxnSpMkLst>
        </pc:cxnChg>
        <pc:cxnChg chg="mod">
          <ac:chgData name="Adam Wilson" userId="b8e2e8a2000bddc0" providerId="LiveId" clId="{A95D38A2-743B-422F-85AA-8A2F54BB1846}" dt="2021-09-14T07:49:12.894" v="2487" actId="1076"/>
          <ac:cxnSpMkLst>
            <pc:docMk/>
            <pc:sldMk cId="2381234660" sldId="268"/>
            <ac:cxnSpMk id="27" creationId="{F3BEEEC2-771D-46D2-A03D-F29890F5EF59}"/>
          </ac:cxnSpMkLst>
        </pc:cxnChg>
        <pc:cxnChg chg="add 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28" creationId="{F4FDEEAE-B8BB-4394-A9E8-620C324FB862}"/>
          </ac:cxnSpMkLst>
        </pc:cxnChg>
        <pc:cxnChg chg="add 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29" creationId="{048CBA34-EF5A-45BD-906E-00636BD6E34D}"/>
          </ac:cxnSpMkLst>
        </pc:cxnChg>
        <pc:cxnChg chg="add 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30" creationId="{95BB8105-8FDE-4C71-BD6D-E374BD2D3D42}"/>
          </ac:cxnSpMkLst>
        </pc:cxnChg>
        <pc:cxnChg chg="add del mod">
          <ac:chgData name="Adam Wilson" userId="b8e2e8a2000bddc0" providerId="LiveId" clId="{A95D38A2-743B-422F-85AA-8A2F54BB1846}" dt="2021-09-14T07:49:26.516" v="2491" actId="478"/>
          <ac:cxnSpMkLst>
            <pc:docMk/>
            <pc:sldMk cId="2381234660" sldId="268"/>
            <ac:cxnSpMk id="31" creationId="{6FF85FBC-25E6-4573-943B-82C385024C06}"/>
          </ac:cxnSpMkLst>
        </pc:cxnChg>
        <pc:cxnChg chg="mod">
          <ac:chgData name="Adam Wilson" userId="b8e2e8a2000bddc0" providerId="LiveId" clId="{A95D38A2-743B-422F-85AA-8A2F54BB1846}" dt="2021-09-14T07:49:12.894" v="2487" actId="1076"/>
          <ac:cxnSpMkLst>
            <pc:docMk/>
            <pc:sldMk cId="2381234660" sldId="268"/>
            <ac:cxnSpMk id="33" creationId="{E03AEE64-8BF1-4223-BD28-4A4996BAA51E}"/>
          </ac:cxnSpMkLst>
        </pc:cxnChg>
        <pc:cxnChg chg="mod">
          <ac:chgData name="Adam Wilson" userId="b8e2e8a2000bddc0" providerId="LiveId" clId="{A95D38A2-743B-422F-85AA-8A2F54BB1846}" dt="2021-09-14T07:49:12.894" v="2487" actId="1076"/>
          <ac:cxnSpMkLst>
            <pc:docMk/>
            <pc:sldMk cId="2381234660" sldId="268"/>
            <ac:cxnSpMk id="34" creationId="{B5DAEB8D-2CCA-4006-BF23-AF810DF9349E}"/>
          </ac:cxnSpMkLst>
        </pc:cxnChg>
        <pc:cxnChg chg="add 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35" creationId="{7242AAD2-A5DF-4F2B-AF41-D99407A84DEF}"/>
          </ac:cxnSpMkLst>
        </pc:cxnChg>
        <pc:cxnChg chg="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40" creationId="{D7B60CE0-8AE3-4246-9707-E714B8AEE7E0}"/>
          </ac:cxnSpMkLst>
        </pc:cxnChg>
        <pc:cxnChg chg="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42" creationId="{14625893-96C2-4F2F-A6AC-BCB645FD208F}"/>
          </ac:cxnSpMkLst>
        </pc:cxnChg>
        <pc:cxnChg chg="del">
          <ac:chgData name="Adam Wilson" userId="b8e2e8a2000bddc0" providerId="LiveId" clId="{A95D38A2-743B-422F-85AA-8A2F54BB1846}" dt="2021-09-13T11:19:17.920" v="1825" actId="478"/>
          <ac:cxnSpMkLst>
            <pc:docMk/>
            <pc:sldMk cId="2381234660" sldId="268"/>
            <ac:cxnSpMk id="54" creationId="{8D90CD55-40D4-4BED-A2AF-DE6F4CE007A8}"/>
          </ac:cxnSpMkLst>
        </pc:cxnChg>
        <pc:cxnChg chg="mod">
          <ac:chgData name="Adam Wilson" userId="b8e2e8a2000bddc0" providerId="LiveId" clId="{A95D38A2-743B-422F-85AA-8A2F54BB1846}" dt="2021-09-13T11:19:16.266" v="1823" actId="1076"/>
          <ac:cxnSpMkLst>
            <pc:docMk/>
            <pc:sldMk cId="2381234660" sldId="268"/>
            <ac:cxnSpMk id="56" creationId="{B90EBC15-1A08-4F27-8AD8-82105B95C0B1}"/>
          </ac:cxnSpMkLst>
        </pc:cxnChg>
        <pc:cxnChg chg="mod">
          <ac:chgData name="Adam Wilson" userId="b8e2e8a2000bddc0" providerId="LiveId" clId="{A95D38A2-743B-422F-85AA-8A2F54BB1846}" dt="2021-09-13T11:19:16.266" v="1823" actId="1076"/>
          <ac:cxnSpMkLst>
            <pc:docMk/>
            <pc:sldMk cId="2381234660" sldId="268"/>
            <ac:cxnSpMk id="57" creationId="{586A3155-8E8D-4B3D-93B4-5259C20E81C3}"/>
          </ac:cxnSpMkLst>
        </pc:cxnChg>
        <pc:cxnChg chg="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58" creationId="{2E825930-288E-4476-A17C-922AB8EB4BFB}"/>
          </ac:cxnSpMkLst>
        </pc:cxnChg>
        <pc:cxnChg chg="mod">
          <ac:chgData name="Adam Wilson" userId="b8e2e8a2000bddc0" providerId="LiveId" clId="{A95D38A2-743B-422F-85AA-8A2F54BB1846}" dt="2021-09-14T07:50:22.727" v="2555" actId="1076"/>
          <ac:cxnSpMkLst>
            <pc:docMk/>
            <pc:sldMk cId="2381234660" sldId="268"/>
            <ac:cxnSpMk id="59" creationId="{BD43B6E9-86C0-42BC-9581-2D9CAB7FB8EF}"/>
          </ac:cxnSpMkLst>
        </pc:cxnChg>
      </pc:sldChg>
      <pc:sldChg chg="addSp delSp modSp new mod">
        <pc:chgData name="Adam Wilson" userId="b8e2e8a2000bddc0" providerId="LiveId" clId="{A95D38A2-743B-422F-85AA-8A2F54BB1846}" dt="2021-09-14T11:08:00.703" v="3318" actId="20577"/>
        <pc:sldMkLst>
          <pc:docMk/>
          <pc:sldMk cId="2281234997" sldId="269"/>
        </pc:sldMkLst>
        <pc:spChg chg="mod">
          <ac:chgData name="Adam Wilson" userId="b8e2e8a2000bddc0" providerId="LiveId" clId="{A95D38A2-743B-422F-85AA-8A2F54BB1846}" dt="2021-09-14T11:08:00.703" v="3318" actId="20577"/>
          <ac:spMkLst>
            <pc:docMk/>
            <pc:sldMk cId="2281234997" sldId="269"/>
            <ac:spMk id="2" creationId="{EA9BD0FB-DACA-43C0-8251-EDB9463B5D59}"/>
          </ac:spMkLst>
        </pc:spChg>
        <pc:spChg chg="del">
          <ac:chgData name="Adam Wilson" userId="b8e2e8a2000bddc0" providerId="LiveId" clId="{A95D38A2-743B-422F-85AA-8A2F54BB1846}" dt="2021-09-13T11:27:36.468" v="1929" actId="478"/>
          <ac:spMkLst>
            <pc:docMk/>
            <pc:sldMk cId="2281234997" sldId="269"/>
            <ac:spMk id="3" creationId="{D438B90A-A128-4558-BD44-AD055F825C24}"/>
          </ac:spMkLst>
        </pc:spChg>
        <pc:spChg chg="add mod">
          <ac:chgData name="Adam Wilson" userId="b8e2e8a2000bddc0" providerId="LiveId" clId="{A95D38A2-743B-422F-85AA-8A2F54BB1846}" dt="2021-09-13T11:36:40.088" v="2002" actId="20577"/>
          <ac:spMkLst>
            <pc:docMk/>
            <pc:sldMk cId="2281234997" sldId="269"/>
            <ac:spMk id="10" creationId="{3FCC4BF4-67BB-4072-85C4-7662F5CEDE63}"/>
          </ac:spMkLst>
        </pc:spChg>
        <pc:picChg chg="add del mod">
          <ac:chgData name="Adam Wilson" userId="b8e2e8a2000bddc0" providerId="LiveId" clId="{A95D38A2-743B-422F-85AA-8A2F54BB1846}" dt="2021-09-13T11:28:10.425" v="1967" actId="21"/>
          <ac:picMkLst>
            <pc:docMk/>
            <pc:sldMk cId="2281234997" sldId="269"/>
            <ac:picMk id="6" creationId="{692C2488-F1F6-4F77-99F7-D7C198CEA74E}"/>
          </ac:picMkLst>
        </pc:picChg>
        <pc:picChg chg="add mod">
          <ac:chgData name="Adam Wilson" userId="b8e2e8a2000bddc0" providerId="LiveId" clId="{A95D38A2-743B-422F-85AA-8A2F54BB1846}" dt="2021-09-13T11:28:33.926" v="1973" actId="1076"/>
          <ac:picMkLst>
            <pc:docMk/>
            <pc:sldMk cId="2281234997" sldId="269"/>
            <ac:picMk id="8" creationId="{CFE198A5-CD8B-4AC2-88F5-6FA54D752773}"/>
          </ac:picMkLst>
        </pc:picChg>
        <pc:picChg chg="add mod">
          <ac:chgData name="Adam Wilson" userId="b8e2e8a2000bddc0" providerId="LiveId" clId="{A95D38A2-743B-422F-85AA-8A2F54BB1846}" dt="2021-09-13T11:36:05.245" v="1993" actId="1076"/>
          <ac:picMkLst>
            <pc:docMk/>
            <pc:sldMk cId="2281234997" sldId="269"/>
            <ac:picMk id="15" creationId="{6DA11628-5F5E-4240-B333-58BCE61E61E4}"/>
          </ac:picMkLst>
        </pc:picChg>
        <pc:cxnChg chg="add mod">
          <ac:chgData name="Adam Wilson" userId="b8e2e8a2000bddc0" providerId="LiveId" clId="{A95D38A2-743B-422F-85AA-8A2F54BB1846}" dt="2021-09-13T11:28:49.252" v="1978" actId="14100"/>
          <ac:cxnSpMkLst>
            <pc:docMk/>
            <pc:sldMk cId="2281234997" sldId="269"/>
            <ac:cxnSpMk id="9" creationId="{B70B996D-8B3F-4443-AC29-66FEC82B9649}"/>
          </ac:cxnSpMkLst>
        </pc:cxnChg>
      </pc:sldChg>
      <pc:sldChg chg="addSp delSp modSp new mod">
        <pc:chgData name="Adam Wilson" userId="b8e2e8a2000bddc0" providerId="LiveId" clId="{A95D38A2-743B-422F-85AA-8A2F54BB1846}" dt="2021-09-13T11:37:30.420" v="2011" actId="1076"/>
        <pc:sldMkLst>
          <pc:docMk/>
          <pc:sldMk cId="3655679427" sldId="270"/>
        </pc:sldMkLst>
        <pc:spChg chg="mod">
          <ac:chgData name="Adam Wilson" userId="b8e2e8a2000bddc0" providerId="LiveId" clId="{A95D38A2-743B-422F-85AA-8A2F54BB1846}" dt="2021-09-13T11:37:30.420" v="2011" actId="1076"/>
          <ac:spMkLst>
            <pc:docMk/>
            <pc:sldMk cId="3655679427" sldId="270"/>
            <ac:spMk id="2" creationId="{35CA3389-0F07-464E-986A-819CB56660FC}"/>
          </ac:spMkLst>
        </pc:spChg>
        <pc:spChg chg="del">
          <ac:chgData name="Adam Wilson" userId="b8e2e8a2000bddc0" providerId="LiveId" clId="{A95D38A2-743B-422F-85AA-8A2F54BB1846}" dt="2021-09-13T11:28:15.309" v="1969" actId="478"/>
          <ac:spMkLst>
            <pc:docMk/>
            <pc:sldMk cId="3655679427" sldId="270"/>
            <ac:spMk id="3" creationId="{39A33FAF-02D4-4E39-BDB0-BB00AB6DE913}"/>
          </ac:spMkLst>
        </pc:spChg>
        <pc:spChg chg="add mod">
          <ac:chgData name="Adam Wilson" userId="b8e2e8a2000bddc0" providerId="LiveId" clId="{A95D38A2-743B-422F-85AA-8A2F54BB1846}" dt="2021-09-13T11:36:58.249" v="2005" actId="20577"/>
          <ac:spMkLst>
            <pc:docMk/>
            <pc:sldMk cId="3655679427" sldId="270"/>
            <ac:spMk id="9" creationId="{279D2BDA-E4A2-43FB-9CC0-A6B428D583A0}"/>
          </ac:spMkLst>
        </pc:spChg>
        <pc:picChg chg="add mod">
          <ac:chgData name="Adam Wilson" userId="b8e2e8a2000bddc0" providerId="LiveId" clId="{A95D38A2-743B-422F-85AA-8A2F54BB1846}" dt="2021-09-13T11:36:25.197" v="1996" actId="1076"/>
          <ac:picMkLst>
            <pc:docMk/>
            <pc:sldMk cId="3655679427" sldId="270"/>
            <ac:picMk id="5" creationId="{F57ACB78-CE9B-4386-866E-104F52671943}"/>
          </ac:picMkLst>
        </pc:picChg>
        <pc:picChg chg="add mod">
          <ac:chgData name="Adam Wilson" userId="b8e2e8a2000bddc0" providerId="LiveId" clId="{A95D38A2-743B-422F-85AA-8A2F54BB1846}" dt="2021-09-13T11:36:26.204" v="1997" actId="1076"/>
          <ac:picMkLst>
            <pc:docMk/>
            <pc:sldMk cId="3655679427" sldId="270"/>
            <ac:picMk id="7" creationId="{112BD773-B1AC-460E-9A22-4DFD0754626A}"/>
          </ac:picMkLst>
        </pc:picChg>
        <pc:cxnChg chg="add mod">
          <ac:chgData name="Adam Wilson" userId="b8e2e8a2000bddc0" providerId="LiveId" clId="{A95D38A2-743B-422F-85AA-8A2F54BB1846}" dt="2021-09-13T11:36:55.830" v="2004" actId="1076"/>
          <ac:cxnSpMkLst>
            <pc:docMk/>
            <pc:sldMk cId="3655679427" sldId="270"/>
            <ac:cxnSpMk id="8" creationId="{84E539B4-2F19-4727-8C6A-BA76D410FCF2}"/>
          </ac:cxnSpMkLst>
        </pc:cxnChg>
      </pc:sldChg>
      <pc:sldChg chg="addSp delSp modSp new mod">
        <pc:chgData name="Adam Wilson" userId="b8e2e8a2000bddc0" providerId="LiveId" clId="{A95D38A2-743B-422F-85AA-8A2F54BB1846}" dt="2021-09-13T11:54:00.221" v="2055" actId="1076"/>
        <pc:sldMkLst>
          <pc:docMk/>
          <pc:sldMk cId="2242779116" sldId="271"/>
        </pc:sldMkLst>
        <pc:spChg chg="mod">
          <ac:chgData name="Adam Wilson" userId="b8e2e8a2000bddc0" providerId="LiveId" clId="{A95D38A2-743B-422F-85AA-8A2F54BB1846}" dt="2021-09-13T11:53:47.918" v="2050" actId="1076"/>
          <ac:spMkLst>
            <pc:docMk/>
            <pc:sldMk cId="2242779116" sldId="271"/>
            <ac:spMk id="2" creationId="{397E1B7F-8AC1-47C1-B814-FC504E971537}"/>
          </ac:spMkLst>
        </pc:spChg>
        <pc:spChg chg="del">
          <ac:chgData name="Adam Wilson" userId="b8e2e8a2000bddc0" providerId="LiveId" clId="{A95D38A2-743B-422F-85AA-8A2F54BB1846}" dt="2021-09-13T11:38:53.440" v="2022" actId="478"/>
          <ac:spMkLst>
            <pc:docMk/>
            <pc:sldMk cId="2242779116" sldId="271"/>
            <ac:spMk id="3" creationId="{8A20A79E-FB60-4A1F-8F8E-9F4E54F0047C}"/>
          </ac:spMkLst>
        </pc:spChg>
        <pc:picChg chg="add mod">
          <ac:chgData name="Adam Wilson" userId="b8e2e8a2000bddc0" providerId="LiveId" clId="{A95D38A2-743B-422F-85AA-8A2F54BB1846}" dt="2021-09-13T11:54:00.221" v="2055" actId="1076"/>
          <ac:picMkLst>
            <pc:docMk/>
            <pc:sldMk cId="2242779116" sldId="271"/>
            <ac:picMk id="6" creationId="{84E28072-807C-401A-9B11-D7330222DEA7}"/>
          </ac:picMkLst>
        </pc:picChg>
        <pc:picChg chg="add mod">
          <ac:chgData name="Adam Wilson" userId="b8e2e8a2000bddc0" providerId="LiveId" clId="{A95D38A2-743B-422F-85AA-8A2F54BB1846}" dt="2021-09-13T11:53:58.093" v="2054" actId="1076"/>
          <ac:picMkLst>
            <pc:docMk/>
            <pc:sldMk cId="2242779116" sldId="271"/>
            <ac:picMk id="8" creationId="{5D8882A6-E8E5-493A-AFD9-82FD974150BA}"/>
          </ac:picMkLst>
        </pc:picChg>
        <pc:picChg chg="add mod">
          <ac:chgData name="Adam Wilson" userId="b8e2e8a2000bddc0" providerId="LiveId" clId="{A95D38A2-743B-422F-85AA-8A2F54BB1846}" dt="2021-09-13T11:53:51.181" v="2051" actId="1076"/>
          <ac:picMkLst>
            <pc:docMk/>
            <pc:sldMk cId="2242779116" sldId="271"/>
            <ac:picMk id="10" creationId="{A6CC5580-8720-4EC3-8D97-2B631D0D846D}"/>
          </ac:picMkLst>
        </pc:picChg>
        <pc:picChg chg="add mod">
          <ac:chgData name="Adam Wilson" userId="b8e2e8a2000bddc0" providerId="LiveId" clId="{A95D38A2-743B-422F-85AA-8A2F54BB1846}" dt="2021-09-13T11:52:14.242" v="2044" actId="1076"/>
          <ac:picMkLst>
            <pc:docMk/>
            <pc:sldMk cId="2242779116" sldId="271"/>
            <ac:picMk id="12" creationId="{AB44C524-DEC4-424E-8A21-6F85E143A93C}"/>
          </ac:picMkLst>
        </pc:picChg>
        <pc:picChg chg="add mod">
          <ac:chgData name="Adam Wilson" userId="b8e2e8a2000bddc0" providerId="LiveId" clId="{A95D38A2-743B-422F-85AA-8A2F54BB1846}" dt="2021-09-13T11:53:54.029" v="2052" actId="1076"/>
          <ac:picMkLst>
            <pc:docMk/>
            <pc:sldMk cId="2242779116" sldId="271"/>
            <ac:picMk id="14" creationId="{7CF704FC-B287-4A13-819F-B7336C9CD5C4}"/>
          </ac:picMkLst>
        </pc:picChg>
      </pc:sldChg>
      <pc:sldChg chg="addSp delSp modSp new mod">
        <pc:chgData name="Adam Wilson" userId="b8e2e8a2000bddc0" providerId="LiveId" clId="{A95D38A2-743B-422F-85AA-8A2F54BB1846}" dt="2021-09-13T11:57:53.405" v="2401" actId="14100"/>
        <pc:sldMkLst>
          <pc:docMk/>
          <pc:sldMk cId="4265606824" sldId="272"/>
        </pc:sldMkLst>
        <pc:spChg chg="mod">
          <ac:chgData name="Adam Wilson" userId="b8e2e8a2000bddc0" providerId="LiveId" clId="{A95D38A2-743B-422F-85AA-8A2F54BB1846}" dt="2021-09-13T11:54:41.221" v="2099" actId="1076"/>
          <ac:spMkLst>
            <pc:docMk/>
            <pc:sldMk cId="4265606824" sldId="272"/>
            <ac:spMk id="2" creationId="{2FDE5804-B306-48B6-BB54-5CCE0BDC8EC0}"/>
          </ac:spMkLst>
        </pc:spChg>
        <pc:spChg chg="del">
          <ac:chgData name="Adam Wilson" userId="b8e2e8a2000bddc0" providerId="LiveId" clId="{A95D38A2-743B-422F-85AA-8A2F54BB1846}" dt="2021-09-13T11:54:36.141" v="2097" actId="478"/>
          <ac:spMkLst>
            <pc:docMk/>
            <pc:sldMk cId="4265606824" sldId="272"/>
            <ac:spMk id="3" creationId="{E4759511-1AEC-425A-A79F-BC90122AFA46}"/>
          </ac:spMkLst>
        </pc:spChg>
        <pc:spChg chg="add mod">
          <ac:chgData name="Adam Wilson" userId="b8e2e8a2000bddc0" providerId="LiveId" clId="{A95D38A2-743B-422F-85AA-8A2F54BB1846}" dt="2021-09-13T11:55:45.005" v="2193" actId="1076"/>
          <ac:spMkLst>
            <pc:docMk/>
            <pc:sldMk cId="4265606824" sldId="272"/>
            <ac:spMk id="6" creationId="{8124E120-4FF1-4E63-8BB6-D35D5EFDB049}"/>
          </ac:spMkLst>
        </pc:spChg>
        <pc:spChg chg="add mod">
          <ac:chgData name="Adam Wilson" userId="b8e2e8a2000bddc0" providerId="LiveId" clId="{A95D38A2-743B-422F-85AA-8A2F54BB1846}" dt="2021-09-13T11:56:17.781" v="2279" actId="1076"/>
          <ac:spMkLst>
            <pc:docMk/>
            <pc:sldMk cId="4265606824" sldId="272"/>
            <ac:spMk id="7" creationId="{383E0178-A25F-4576-8A3D-CC2B8DEDCB6D}"/>
          </ac:spMkLst>
        </pc:spChg>
        <pc:spChg chg="add mod">
          <ac:chgData name="Adam Wilson" userId="b8e2e8a2000bddc0" providerId="LiveId" clId="{A95D38A2-743B-422F-85AA-8A2F54BB1846}" dt="2021-09-13T11:56:36.906" v="2295" actId="20577"/>
          <ac:spMkLst>
            <pc:docMk/>
            <pc:sldMk cId="4265606824" sldId="272"/>
            <ac:spMk id="8" creationId="{2B7DA54C-E8F5-4F44-B344-D83E1DFF18BD}"/>
          </ac:spMkLst>
        </pc:spChg>
        <pc:spChg chg="add mod">
          <ac:chgData name="Adam Wilson" userId="b8e2e8a2000bddc0" providerId="LiveId" clId="{A95D38A2-743B-422F-85AA-8A2F54BB1846}" dt="2021-09-13T11:56:52.454" v="2318" actId="1076"/>
          <ac:spMkLst>
            <pc:docMk/>
            <pc:sldMk cId="4265606824" sldId="272"/>
            <ac:spMk id="9" creationId="{D649684A-C900-430F-9644-CF8E694888AA}"/>
          </ac:spMkLst>
        </pc:spChg>
        <pc:spChg chg="add mod">
          <ac:chgData name="Adam Wilson" userId="b8e2e8a2000bddc0" providerId="LiveId" clId="{A95D38A2-743B-422F-85AA-8A2F54BB1846}" dt="2021-09-13T11:57:19.293" v="2391" actId="1076"/>
          <ac:spMkLst>
            <pc:docMk/>
            <pc:sldMk cId="4265606824" sldId="272"/>
            <ac:spMk id="10" creationId="{A05B2F00-8EAA-41E4-9365-46F1CC8394F4}"/>
          </ac:spMkLst>
        </pc:spChg>
        <pc:picChg chg="add mod">
          <ac:chgData name="Adam Wilson" userId="b8e2e8a2000bddc0" providerId="LiveId" clId="{A95D38A2-743B-422F-85AA-8A2F54BB1846}" dt="2021-09-13T11:56:24.533" v="2280" actId="1076"/>
          <ac:picMkLst>
            <pc:docMk/>
            <pc:sldMk cId="4265606824" sldId="272"/>
            <ac:picMk id="5" creationId="{642F7307-AD3F-40DD-92F5-B9B8BA557855}"/>
          </ac:picMkLst>
        </pc:picChg>
        <pc:cxnChg chg="add mod">
          <ac:chgData name="Adam Wilson" userId="b8e2e8a2000bddc0" providerId="LiveId" clId="{A95D38A2-743B-422F-85AA-8A2F54BB1846}" dt="2021-09-13T11:57:53.405" v="2401" actId="14100"/>
          <ac:cxnSpMkLst>
            <pc:docMk/>
            <pc:sldMk cId="4265606824" sldId="272"/>
            <ac:cxnSpMk id="12" creationId="{6EFCC8FD-8E3D-41AC-980E-BEC3B591F802}"/>
          </ac:cxnSpMkLst>
        </pc:cxnChg>
        <pc:cxnChg chg="add mod">
          <ac:chgData name="Adam Wilson" userId="b8e2e8a2000bddc0" providerId="LiveId" clId="{A95D38A2-743B-422F-85AA-8A2F54BB1846}" dt="2021-09-13T11:57:41.181" v="2397" actId="14100"/>
          <ac:cxnSpMkLst>
            <pc:docMk/>
            <pc:sldMk cId="4265606824" sldId="272"/>
            <ac:cxnSpMk id="13" creationId="{D93B95FA-26F8-4C3A-AEC7-D4762DB6DA45}"/>
          </ac:cxnSpMkLst>
        </pc:cxnChg>
        <pc:cxnChg chg="add mod">
          <ac:chgData name="Adam Wilson" userId="b8e2e8a2000bddc0" providerId="LiveId" clId="{A95D38A2-743B-422F-85AA-8A2F54BB1846}" dt="2021-09-13T11:57:48.892" v="2400" actId="14100"/>
          <ac:cxnSpMkLst>
            <pc:docMk/>
            <pc:sldMk cId="4265606824" sldId="272"/>
            <ac:cxnSpMk id="16" creationId="{07BA9112-C107-4283-AF0C-F8A62BA36B6C}"/>
          </ac:cxnSpMkLst>
        </pc:cxnChg>
      </pc:sldChg>
      <pc:sldChg chg="addSp delSp modSp new mod">
        <pc:chgData name="Adam Wilson" userId="b8e2e8a2000bddc0" providerId="LiveId" clId="{A95D38A2-743B-422F-85AA-8A2F54BB1846}" dt="2021-09-14T07:43:25.348" v="2464" actId="1076"/>
        <pc:sldMkLst>
          <pc:docMk/>
          <pc:sldMk cId="3826471268" sldId="273"/>
        </pc:sldMkLst>
        <pc:spChg chg="mod">
          <ac:chgData name="Adam Wilson" userId="b8e2e8a2000bddc0" providerId="LiveId" clId="{A95D38A2-743B-422F-85AA-8A2F54BB1846}" dt="2021-09-13T11:58:15.566" v="2439" actId="1076"/>
          <ac:spMkLst>
            <pc:docMk/>
            <pc:sldMk cId="3826471268" sldId="273"/>
            <ac:spMk id="2" creationId="{531E2DDA-91A3-4D85-969E-8BAE24B7F045}"/>
          </ac:spMkLst>
        </pc:spChg>
        <pc:spChg chg="del">
          <ac:chgData name="Adam Wilson" userId="b8e2e8a2000bddc0" providerId="LiveId" clId="{A95D38A2-743B-422F-85AA-8A2F54BB1846}" dt="2021-09-13T12:05:13.575" v="2440" actId="478"/>
          <ac:spMkLst>
            <pc:docMk/>
            <pc:sldMk cId="3826471268" sldId="273"/>
            <ac:spMk id="3" creationId="{C28546A3-8CB7-4B9D-BBDB-DB3BD38369EE}"/>
          </ac:spMkLst>
        </pc:spChg>
        <pc:picChg chg="add mod">
          <ac:chgData name="Adam Wilson" userId="b8e2e8a2000bddc0" providerId="LiveId" clId="{A95D38A2-743B-422F-85AA-8A2F54BB1846}" dt="2021-09-14T07:43:22.907" v="2463" actId="1076"/>
          <ac:picMkLst>
            <pc:docMk/>
            <pc:sldMk cId="3826471268" sldId="273"/>
            <ac:picMk id="5" creationId="{F7C4647B-D513-415C-A8B7-A14C2150D4D8}"/>
          </ac:picMkLst>
        </pc:picChg>
        <pc:picChg chg="add del mod">
          <ac:chgData name="Adam Wilson" userId="b8e2e8a2000bddc0" providerId="LiveId" clId="{A95D38A2-743B-422F-85AA-8A2F54BB1846}" dt="2021-09-14T07:42:28.064" v="2446" actId="478"/>
          <ac:picMkLst>
            <pc:docMk/>
            <pc:sldMk cId="3826471268" sldId="273"/>
            <ac:picMk id="6" creationId="{E8A4CFF2-3279-4198-9742-FF47C32390D2}"/>
          </ac:picMkLst>
        </pc:picChg>
        <pc:picChg chg="add del">
          <ac:chgData name="Adam Wilson" userId="b8e2e8a2000bddc0" providerId="LiveId" clId="{A95D38A2-743B-422F-85AA-8A2F54BB1846}" dt="2021-09-14T07:43:05.117" v="2454" actId="22"/>
          <ac:picMkLst>
            <pc:docMk/>
            <pc:sldMk cId="3826471268" sldId="273"/>
            <ac:picMk id="8" creationId="{A02F9C41-2F91-4BE3-B757-E7AF931C45CE}"/>
          </ac:picMkLst>
        </pc:picChg>
        <pc:picChg chg="add mod">
          <ac:chgData name="Adam Wilson" userId="b8e2e8a2000bddc0" providerId="LiveId" clId="{A95D38A2-743B-422F-85AA-8A2F54BB1846}" dt="2021-09-14T07:43:25.348" v="2464" actId="1076"/>
          <ac:picMkLst>
            <pc:docMk/>
            <pc:sldMk cId="3826471268" sldId="273"/>
            <ac:picMk id="10" creationId="{DCCEF22C-1680-43C1-A84B-B4FFDAF96C84}"/>
          </ac:picMkLst>
        </pc:picChg>
      </pc:sldChg>
      <pc:sldChg chg="addSp delSp modSp new mod">
        <pc:chgData name="Adam Wilson" userId="b8e2e8a2000bddc0" providerId="LiveId" clId="{A95D38A2-743B-422F-85AA-8A2F54BB1846}" dt="2021-09-14T08:34:12.982" v="2836" actId="1076"/>
        <pc:sldMkLst>
          <pc:docMk/>
          <pc:sldMk cId="1376113416" sldId="274"/>
        </pc:sldMkLst>
        <pc:spChg chg="mod">
          <ac:chgData name="Adam Wilson" userId="b8e2e8a2000bddc0" providerId="LiveId" clId="{A95D38A2-743B-422F-85AA-8A2F54BB1846}" dt="2021-09-14T08:34:12.982" v="2836" actId="1076"/>
          <ac:spMkLst>
            <pc:docMk/>
            <pc:sldMk cId="1376113416" sldId="274"/>
            <ac:spMk id="2" creationId="{41F1E401-7E8D-4C84-92BB-56DE9A836EAE}"/>
          </ac:spMkLst>
        </pc:spChg>
        <pc:spChg chg="del mod">
          <ac:chgData name="Adam Wilson" userId="b8e2e8a2000bddc0" providerId="LiveId" clId="{A95D38A2-743B-422F-85AA-8A2F54BB1846}" dt="2021-09-14T07:53:31.937" v="2578" actId="478"/>
          <ac:spMkLst>
            <pc:docMk/>
            <pc:sldMk cId="1376113416" sldId="274"/>
            <ac:spMk id="3" creationId="{69B6955B-AE3E-4B1D-A36A-EDD8564375ED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11" creationId="{E21A6A85-521B-43AF-BF92-EB0D026A0054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16" creationId="{6D34F81F-9431-4A6E-BF8A-7A216B9EF624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17" creationId="{A5F3CF5C-B84B-4B2B-B1DC-A8A6A8D5BACE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28" creationId="{90A32563-5C31-4773-A991-A4B1AE3BFE8F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32" creationId="{99191CE7-D568-4E9B-A984-80D0941B1006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33" creationId="{470B4A5F-55FF-4F8C-97EA-AB592603144B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40" creationId="{5AF44B63-382D-41E9-902F-5910F31BA405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41" creationId="{9C9DF0CA-A135-4A97-A356-0CAEE7BEA447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48" creationId="{2A0C7DB0-95E2-4C2A-9A28-1B88628091A3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49" creationId="{C3BA47DA-096C-4309-9C98-2683B1D68D81}"/>
          </ac:spMkLst>
        </pc:spChg>
        <pc:spChg chg="add mod">
          <ac:chgData name="Adam Wilson" userId="b8e2e8a2000bddc0" providerId="LiveId" clId="{A95D38A2-743B-422F-85AA-8A2F54BB1846}" dt="2021-09-14T08:21:08.781" v="2603" actId="164"/>
          <ac:spMkLst>
            <pc:docMk/>
            <pc:sldMk cId="1376113416" sldId="274"/>
            <ac:spMk id="50" creationId="{5B3C02D8-1525-432A-A1F8-F3D5B4A4FFB9}"/>
          </ac:spMkLst>
        </pc:spChg>
        <pc:grpChg chg="add mod">
          <ac:chgData name="Adam Wilson" userId="b8e2e8a2000bddc0" providerId="LiveId" clId="{A95D38A2-743B-422F-85AA-8A2F54BB1846}" dt="2021-09-14T08:21:08.781" v="2603" actId="164"/>
          <ac:grpSpMkLst>
            <pc:docMk/>
            <pc:sldMk cId="1376113416" sldId="274"/>
            <ac:grpSpMk id="18" creationId="{84276DA7-629A-4969-A742-71A6BF94F51C}"/>
          </ac:grpSpMkLst>
        </pc:grpChg>
        <pc:grpChg chg="add mod">
          <ac:chgData name="Adam Wilson" userId="b8e2e8a2000bddc0" providerId="LiveId" clId="{A95D38A2-743B-422F-85AA-8A2F54BB1846}" dt="2021-09-14T08:21:08.781" v="2603" actId="164"/>
          <ac:grpSpMkLst>
            <pc:docMk/>
            <pc:sldMk cId="1376113416" sldId="274"/>
            <ac:grpSpMk id="21" creationId="{D54ACBED-FC14-4C80-A4AA-A7272190AF38}"/>
          </ac:grpSpMkLst>
        </pc:grpChg>
        <pc:grpChg chg="add mod">
          <ac:chgData name="Adam Wilson" userId="b8e2e8a2000bddc0" providerId="LiveId" clId="{A95D38A2-743B-422F-85AA-8A2F54BB1846}" dt="2021-09-14T08:21:08.781" v="2603" actId="164"/>
          <ac:grpSpMkLst>
            <pc:docMk/>
            <pc:sldMk cId="1376113416" sldId="274"/>
            <ac:grpSpMk id="29" creationId="{6701D249-3777-4632-9DA1-911751B36FFC}"/>
          </ac:grpSpMkLst>
        </pc:grpChg>
        <pc:grpChg chg="add mod">
          <ac:chgData name="Adam Wilson" userId="b8e2e8a2000bddc0" providerId="LiveId" clId="{A95D38A2-743B-422F-85AA-8A2F54BB1846}" dt="2021-09-14T08:21:08.781" v="2603" actId="164"/>
          <ac:grpSpMkLst>
            <pc:docMk/>
            <pc:sldMk cId="1376113416" sldId="274"/>
            <ac:grpSpMk id="34" creationId="{B9A05156-285B-49A7-8959-7C81BA6A2715}"/>
          </ac:grpSpMkLst>
        </pc:grpChg>
        <pc:grpChg chg="add mod">
          <ac:chgData name="Adam Wilson" userId="b8e2e8a2000bddc0" providerId="LiveId" clId="{A95D38A2-743B-422F-85AA-8A2F54BB1846}" dt="2021-09-14T08:21:08.781" v="2603" actId="164"/>
          <ac:grpSpMkLst>
            <pc:docMk/>
            <pc:sldMk cId="1376113416" sldId="274"/>
            <ac:grpSpMk id="37" creationId="{7AA15BA5-D65B-4C1D-9E04-61873B2D2FE1}"/>
          </ac:grpSpMkLst>
        </pc:grpChg>
        <pc:grpChg chg="add mod">
          <ac:chgData name="Adam Wilson" userId="b8e2e8a2000bddc0" providerId="LiveId" clId="{A95D38A2-743B-422F-85AA-8A2F54BB1846}" dt="2021-09-14T08:21:08.781" v="2603" actId="164"/>
          <ac:grpSpMkLst>
            <pc:docMk/>
            <pc:sldMk cId="1376113416" sldId="274"/>
            <ac:grpSpMk id="42" creationId="{38303134-567A-4F21-85AF-FA4EA38C6177}"/>
          </ac:grpSpMkLst>
        </pc:grpChg>
        <pc:grpChg chg="add mod">
          <ac:chgData name="Adam Wilson" userId="b8e2e8a2000bddc0" providerId="LiveId" clId="{A95D38A2-743B-422F-85AA-8A2F54BB1846}" dt="2021-09-14T08:21:08.781" v="2603" actId="164"/>
          <ac:grpSpMkLst>
            <pc:docMk/>
            <pc:sldMk cId="1376113416" sldId="274"/>
            <ac:grpSpMk id="45" creationId="{CAB4BBE2-10B5-4227-89E6-6125E08AEE53}"/>
          </ac:grpSpMkLst>
        </pc:grpChg>
        <pc:grpChg chg="add del mod">
          <ac:chgData name="Adam Wilson" userId="b8e2e8a2000bddc0" providerId="LiveId" clId="{A95D38A2-743B-422F-85AA-8A2F54BB1846}" dt="2021-09-14T08:21:54.037" v="2612" actId="478"/>
          <ac:grpSpMkLst>
            <pc:docMk/>
            <pc:sldMk cId="1376113416" sldId="274"/>
            <ac:grpSpMk id="51" creationId="{7B1C8FBF-3DCD-4AC6-8E99-990AD3500485}"/>
          </ac:grpSpMkLst>
        </pc:grpChg>
        <pc:picChg chg="add mod">
          <ac:chgData name="Adam Wilson" userId="b8e2e8a2000bddc0" providerId="LiveId" clId="{A95D38A2-743B-422F-85AA-8A2F54BB1846}" dt="2021-09-14T08:34:10.567" v="2835" actId="1076"/>
          <ac:picMkLst>
            <pc:docMk/>
            <pc:sldMk cId="1376113416" sldId="274"/>
            <ac:picMk id="6" creationId="{60981665-062A-4854-A919-8B51517BDD6D}"/>
          </ac:picMkLst>
        </pc:picChg>
        <pc:picChg chg="add del mod">
          <ac:chgData name="Adam Wilson" userId="b8e2e8a2000bddc0" providerId="LiveId" clId="{A95D38A2-743B-422F-85AA-8A2F54BB1846}" dt="2021-09-14T07:55:10.611" v="2583" actId="478"/>
          <ac:picMkLst>
            <pc:docMk/>
            <pc:sldMk cId="1376113416" sldId="274"/>
            <ac:picMk id="8" creationId="{0746E6D5-C642-4CE6-9132-1A8F6E340A49}"/>
          </ac:picMkLst>
        </pc:picChg>
        <pc:picChg chg="add mod">
          <ac:chgData name="Adam Wilson" userId="b8e2e8a2000bddc0" providerId="LiveId" clId="{A95D38A2-743B-422F-85AA-8A2F54BB1846}" dt="2021-09-14T08:34:10.567" v="2835" actId="1076"/>
          <ac:picMkLst>
            <pc:docMk/>
            <pc:sldMk cId="1376113416" sldId="274"/>
            <ac:picMk id="10" creationId="{09FCB952-00CB-4623-ACDE-0887242FA417}"/>
          </ac:picMkLst>
        </pc:picChg>
        <pc:cxnChg chg="add mod">
          <ac:chgData name="Adam Wilson" userId="b8e2e8a2000bddc0" providerId="LiveId" clId="{A95D38A2-743B-422F-85AA-8A2F54BB1846}" dt="2021-09-14T08:21:08.781" v="2603" actId="164"/>
          <ac:cxnSpMkLst>
            <pc:docMk/>
            <pc:sldMk cId="1376113416" sldId="274"/>
            <ac:cxnSpMk id="12" creationId="{E008928B-328E-4773-8766-BDB44E3AB760}"/>
          </ac:cxnSpMkLst>
        </pc:cxnChg>
        <pc:cxnChg chg="add mod">
          <ac:chgData name="Adam Wilson" userId="b8e2e8a2000bddc0" providerId="LiveId" clId="{A95D38A2-743B-422F-85AA-8A2F54BB1846}" dt="2021-09-14T08:21:08.781" v="2603" actId="164"/>
          <ac:cxnSpMkLst>
            <pc:docMk/>
            <pc:sldMk cId="1376113416" sldId="274"/>
            <ac:cxnSpMk id="13" creationId="{F7FF04E8-70AE-451A-B1FB-8CECA6A80318}"/>
          </ac:cxnSpMkLst>
        </pc:cxnChg>
        <pc:cxnChg chg="add mod">
          <ac:chgData name="Adam Wilson" userId="b8e2e8a2000bddc0" providerId="LiveId" clId="{A95D38A2-743B-422F-85AA-8A2F54BB1846}" dt="2021-09-14T08:21:08.781" v="2603" actId="164"/>
          <ac:cxnSpMkLst>
            <pc:docMk/>
            <pc:sldMk cId="1376113416" sldId="274"/>
            <ac:cxnSpMk id="14" creationId="{59587217-28AE-4508-88FA-263F3AB6B713}"/>
          </ac:cxnSpMkLst>
        </pc:cxnChg>
        <pc:cxnChg chg="add mod">
          <ac:chgData name="Adam Wilson" userId="b8e2e8a2000bddc0" providerId="LiveId" clId="{A95D38A2-743B-422F-85AA-8A2F54BB1846}" dt="2021-09-14T08:21:08.781" v="2603" actId="164"/>
          <ac:cxnSpMkLst>
            <pc:docMk/>
            <pc:sldMk cId="1376113416" sldId="274"/>
            <ac:cxnSpMk id="15" creationId="{5E3177D6-A83E-417F-80CF-A46CFF13FB80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19" creationId="{A7436FC0-4FEE-4B86-9960-C7A6D3EE4CD3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20" creationId="{F9CFF15C-B5AC-4464-9740-65B50DE09218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22" creationId="{8B827CA7-2978-454F-B42E-669C98A5A1C3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23" creationId="{D0734BE4-0C5C-4857-8340-CF29EA624B23}"/>
          </ac:cxnSpMkLst>
        </pc:cxnChg>
        <pc:cxnChg chg="add mod">
          <ac:chgData name="Adam Wilson" userId="b8e2e8a2000bddc0" providerId="LiveId" clId="{A95D38A2-743B-422F-85AA-8A2F54BB1846}" dt="2021-09-14T08:21:54.037" v="2612" actId="478"/>
          <ac:cxnSpMkLst>
            <pc:docMk/>
            <pc:sldMk cId="1376113416" sldId="274"/>
            <ac:cxnSpMk id="24" creationId="{8C148DD3-8555-45F1-851B-AB43ACA1AC51}"/>
          </ac:cxnSpMkLst>
        </pc:cxnChg>
        <pc:cxnChg chg="add mod">
          <ac:chgData name="Adam Wilson" userId="b8e2e8a2000bddc0" providerId="LiveId" clId="{A95D38A2-743B-422F-85AA-8A2F54BB1846}" dt="2021-09-14T08:21:08.781" v="2603" actId="164"/>
          <ac:cxnSpMkLst>
            <pc:docMk/>
            <pc:sldMk cId="1376113416" sldId="274"/>
            <ac:cxnSpMk id="25" creationId="{BCB00E5E-F191-4097-8E1B-E6052817900E}"/>
          </ac:cxnSpMkLst>
        </pc:cxnChg>
        <pc:cxnChg chg="add mod">
          <ac:chgData name="Adam Wilson" userId="b8e2e8a2000bddc0" providerId="LiveId" clId="{A95D38A2-743B-422F-85AA-8A2F54BB1846}" dt="2021-09-14T08:21:54.037" v="2612" actId="478"/>
          <ac:cxnSpMkLst>
            <pc:docMk/>
            <pc:sldMk cId="1376113416" sldId="274"/>
            <ac:cxnSpMk id="26" creationId="{FE252892-91AD-4972-90B2-E7DFEA021F86}"/>
          </ac:cxnSpMkLst>
        </pc:cxnChg>
        <pc:cxnChg chg="add mod">
          <ac:chgData name="Adam Wilson" userId="b8e2e8a2000bddc0" providerId="LiveId" clId="{A95D38A2-743B-422F-85AA-8A2F54BB1846}" dt="2021-09-14T08:21:08.781" v="2603" actId="164"/>
          <ac:cxnSpMkLst>
            <pc:docMk/>
            <pc:sldMk cId="1376113416" sldId="274"/>
            <ac:cxnSpMk id="27" creationId="{671B9A29-1BE0-42F0-967C-47C0E8F3EFB0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30" creationId="{D92F6617-2C7E-4A51-BB05-57C0B36EBBF1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31" creationId="{5F9B98C3-7EF6-4C1A-92CF-1B47C8B7D7AA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35" creationId="{1DD9F30F-6301-4559-84ED-4DA2F409D7C3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36" creationId="{3DB68239-CF0C-4C22-BA2F-057C9DBD26B8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38" creationId="{0F6CC809-C386-4C19-9DCC-47AC5E52D67A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39" creationId="{DB56E489-B830-4B8C-9A9F-53004C735035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43" creationId="{7760FCCC-D601-4E77-B1AB-D79EF8A48FD5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44" creationId="{4CE1B3FD-2C05-48D7-AFB7-A3FFDC99F96A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46" creationId="{F461A499-4373-4A34-8522-89AC6B85C388}"/>
          </ac:cxnSpMkLst>
        </pc:cxnChg>
        <pc:cxnChg chg="mod">
          <ac:chgData name="Adam Wilson" userId="b8e2e8a2000bddc0" providerId="LiveId" clId="{A95D38A2-743B-422F-85AA-8A2F54BB1846}" dt="2021-09-14T08:20:56.222" v="2601"/>
          <ac:cxnSpMkLst>
            <pc:docMk/>
            <pc:sldMk cId="1376113416" sldId="274"/>
            <ac:cxnSpMk id="47" creationId="{EEB58D36-853C-4733-80EC-360502AF15D5}"/>
          </ac:cxnSpMkLst>
        </pc:cxnChg>
      </pc:sldChg>
      <pc:sldChg chg="addSp delSp modSp new mod">
        <pc:chgData name="Adam Wilson" userId="b8e2e8a2000bddc0" providerId="LiveId" clId="{A95D38A2-743B-422F-85AA-8A2F54BB1846}" dt="2021-09-14T08:27:02.840" v="2689" actId="1076"/>
        <pc:sldMkLst>
          <pc:docMk/>
          <pc:sldMk cId="4054730534" sldId="275"/>
        </pc:sldMkLst>
        <pc:spChg chg="del">
          <ac:chgData name="Adam Wilson" userId="b8e2e8a2000bddc0" providerId="LiveId" clId="{A95D38A2-743B-422F-85AA-8A2F54BB1846}" dt="2021-09-14T08:21:46.228" v="2611" actId="478"/>
          <ac:spMkLst>
            <pc:docMk/>
            <pc:sldMk cId="4054730534" sldId="275"/>
            <ac:spMk id="2" creationId="{C30D27E8-8F02-4D16-9C1E-074DFB302B67}"/>
          </ac:spMkLst>
        </pc:spChg>
        <pc:spChg chg="del">
          <ac:chgData name="Adam Wilson" userId="b8e2e8a2000bddc0" providerId="LiveId" clId="{A95D38A2-743B-422F-85AA-8A2F54BB1846}" dt="2021-09-14T08:21:40.407" v="2608" actId="478"/>
          <ac:spMkLst>
            <pc:docMk/>
            <pc:sldMk cId="4054730534" sldId="275"/>
            <ac:spMk id="3" creationId="{280AC2B2-C0B3-40EF-B492-DEFAF35A61E4}"/>
          </ac:spMkLst>
        </pc:spChg>
        <pc:spChg chg="mod topLvl">
          <ac:chgData name="Adam Wilson" userId="b8e2e8a2000bddc0" providerId="LiveId" clId="{A95D38A2-743B-422F-85AA-8A2F54BB1846}" dt="2021-09-14T08:27:02.840" v="2689" actId="1076"/>
          <ac:spMkLst>
            <pc:docMk/>
            <pc:sldMk cId="4054730534" sldId="275"/>
            <ac:spMk id="6" creationId="{41699FAF-49C4-4433-BE51-BDAB66F36F57}"/>
          </ac:spMkLst>
        </pc:spChg>
        <pc:spChg chg="del mod topLvl">
          <ac:chgData name="Adam Wilson" userId="b8e2e8a2000bddc0" providerId="LiveId" clId="{A95D38A2-743B-422F-85AA-8A2F54BB1846}" dt="2021-09-14T08:22:53.179" v="2624" actId="478"/>
          <ac:spMkLst>
            <pc:docMk/>
            <pc:sldMk cId="4054730534" sldId="275"/>
            <ac:spMk id="11" creationId="{2B6DE829-5B3A-4F23-B555-4E1EB2FD08CD}"/>
          </ac:spMkLst>
        </pc:spChg>
        <pc:spChg chg="del mod topLvl">
          <ac:chgData name="Adam Wilson" userId="b8e2e8a2000bddc0" providerId="LiveId" clId="{A95D38A2-743B-422F-85AA-8A2F54BB1846}" dt="2021-09-14T08:22:53.631" v="2625" actId="478"/>
          <ac:spMkLst>
            <pc:docMk/>
            <pc:sldMk cId="4054730534" sldId="275"/>
            <ac:spMk id="12" creationId="{48AF023F-5D89-491F-95C3-02EF37A41CA7}"/>
          </ac:spMkLst>
        </pc:spChg>
        <pc:spChg chg="del mod topLvl">
          <ac:chgData name="Adam Wilson" userId="b8e2e8a2000bddc0" providerId="LiveId" clId="{A95D38A2-743B-422F-85AA-8A2F54BB1846}" dt="2021-09-14T08:23:04.670" v="2628" actId="478"/>
          <ac:spMkLst>
            <pc:docMk/>
            <pc:sldMk cId="4054730534" sldId="275"/>
            <ac:spMk id="19" creationId="{790AF062-47E0-4027-98A5-B143A7196420}"/>
          </ac:spMkLst>
        </pc:spChg>
        <pc:spChg chg="del mod topLvl">
          <ac:chgData name="Adam Wilson" userId="b8e2e8a2000bddc0" providerId="LiveId" clId="{A95D38A2-743B-422F-85AA-8A2F54BB1846}" dt="2021-09-14T08:23:04.670" v="2628" actId="478"/>
          <ac:spMkLst>
            <pc:docMk/>
            <pc:sldMk cId="4054730534" sldId="275"/>
            <ac:spMk id="21" creationId="{051C713D-7534-47C5-9472-AE899071D56E}"/>
          </ac:spMkLst>
        </pc:spChg>
        <pc:spChg chg="del mod topLvl">
          <ac:chgData name="Adam Wilson" userId="b8e2e8a2000bddc0" providerId="LiveId" clId="{A95D38A2-743B-422F-85AA-8A2F54BB1846}" dt="2021-09-14T08:23:04.670" v="2628" actId="478"/>
          <ac:spMkLst>
            <pc:docMk/>
            <pc:sldMk cId="4054730534" sldId="275"/>
            <ac:spMk id="22" creationId="{12ABFD97-A624-411E-9E94-03A1028589D6}"/>
          </ac:spMkLst>
        </pc:spChg>
        <pc:spChg chg="del mod topLvl">
          <ac:chgData name="Adam Wilson" userId="b8e2e8a2000bddc0" providerId="LiveId" clId="{A95D38A2-743B-422F-85AA-8A2F54BB1846}" dt="2021-09-14T08:23:04.670" v="2628" actId="478"/>
          <ac:spMkLst>
            <pc:docMk/>
            <pc:sldMk cId="4054730534" sldId="275"/>
            <ac:spMk id="25" creationId="{CA03B197-5C3B-4EF1-8EF5-987B62F6AAD4}"/>
          </ac:spMkLst>
        </pc:spChg>
        <pc:spChg chg="del mod topLvl">
          <ac:chgData name="Adam Wilson" userId="b8e2e8a2000bddc0" providerId="LiveId" clId="{A95D38A2-743B-422F-85AA-8A2F54BB1846}" dt="2021-09-14T08:23:04.670" v="2628" actId="478"/>
          <ac:spMkLst>
            <pc:docMk/>
            <pc:sldMk cId="4054730534" sldId="275"/>
            <ac:spMk id="26" creationId="{DF31207A-5E40-442C-8296-681D36868A64}"/>
          </ac:spMkLst>
        </pc:spChg>
        <pc:spChg chg="del mod topLvl">
          <ac:chgData name="Adam Wilson" userId="b8e2e8a2000bddc0" providerId="LiveId" clId="{A95D38A2-743B-422F-85AA-8A2F54BB1846}" dt="2021-09-14T08:22:18.549" v="2616" actId="478"/>
          <ac:spMkLst>
            <pc:docMk/>
            <pc:sldMk cId="4054730534" sldId="275"/>
            <ac:spMk id="29" creationId="{6C4DA59B-EB39-448D-8E9B-5ABA91088BC9}"/>
          </ac:spMkLst>
        </pc:spChg>
        <pc:spChg chg="mod topLvl">
          <ac:chgData name="Adam Wilson" userId="b8e2e8a2000bddc0" providerId="LiveId" clId="{A95D38A2-743B-422F-85AA-8A2F54BB1846}" dt="2021-09-14T08:27:02.840" v="2689" actId="1076"/>
          <ac:spMkLst>
            <pc:docMk/>
            <pc:sldMk cId="4054730534" sldId="275"/>
            <ac:spMk id="30" creationId="{98413BCF-33B6-4D7F-BE1D-07C9F071FE2F}"/>
          </ac:spMkLst>
        </pc:spChg>
        <pc:spChg chg="mod topLvl">
          <ac:chgData name="Adam Wilson" userId="b8e2e8a2000bddc0" providerId="LiveId" clId="{A95D38A2-743B-422F-85AA-8A2F54BB1846}" dt="2021-09-14T08:27:02.840" v="2689" actId="1076"/>
          <ac:spMkLst>
            <pc:docMk/>
            <pc:sldMk cId="4054730534" sldId="275"/>
            <ac:spMk id="31" creationId="{17B22D64-D61B-45C5-884B-50D44F54F076}"/>
          </ac:spMkLst>
        </pc:spChg>
        <pc:spChg chg="add del mod">
          <ac:chgData name="Adam Wilson" userId="b8e2e8a2000bddc0" providerId="LiveId" clId="{A95D38A2-743B-422F-85AA-8A2F54BB1846}" dt="2021-09-14T08:23:04.670" v="2628" actId="478"/>
          <ac:spMkLst>
            <pc:docMk/>
            <pc:sldMk cId="4054730534" sldId="275"/>
            <ac:spMk id="46" creationId="{154F1852-D092-467E-8694-C023814FAC76}"/>
          </ac:spMkLst>
        </pc:spChg>
        <pc:spChg chg="add del mod">
          <ac:chgData name="Adam Wilson" userId="b8e2e8a2000bddc0" providerId="LiveId" clId="{A95D38A2-743B-422F-85AA-8A2F54BB1846}" dt="2021-09-14T08:23:04.670" v="2628" actId="478"/>
          <ac:spMkLst>
            <pc:docMk/>
            <pc:sldMk cId="4054730534" sldId="275"/>
            <ac:spMk id="47" creationId="{E15E4376-625E-4C78-A3D9-2FDF2B5A3866}"/>
          </ac:spMkLst>
        </pc:spChg>
        <pc:grpChg chg="add del mod">
          <ac:chgData name="Adam Wilson" userId="b8e2e8a2000bddc0" providerId="LiveId" clId="{A95D38A2-743B-422F-85AA-8A2F54BB1846}" dt="2021-09-14T08:21:58.576" v="2613" actId="165"/>
          <ac:grpSpMkLst>
            <pc:docMk/>
            <pc:sldMk cId="4054730534" sldId="275"/>
            <ac:grpSpMk id="5" creationId="{8444462B-9623-4511-98E8-65BE4238D89C}"/>
          </ac:grpSpMkLst>
        </pc:grpChg>
        <pc:grpChg chg="del mod topLvl">
          <ac:chgData name="Adam Wilson" userId="b8e2e8a2000bddc0" providerId="LiveId" clId="{A95D38A2-743B-422F-85AA-8A2F54BB1846}" dt="2021-09-14T08:22:23.107" v="2618" actId="478"/>
          <ac:grpSpMkLst>
            <pc:docMk/>
            <pc:sldMk cId="4054730534" sldId="275"/>
            <ac:grpSpMk id="13" creationId="{6EC8C46E-71CD-48E0-A0D0-4A63EF3FF6AE}"/>
          </ac:grpSpMkLst>
        </pc:grpChg>
        <pc:grpChg chg="mod topLvl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14" creationId="{ED1D9348-17E4-441E-852B-CA40F5ACEFDB}"/>
          </ac:grpSpMkLst>
        </pc:grpChg>
        <pc:grpChg chg="del mod topLvl">
          <ac:chgData name="Adam Wilson" userId="b8e2e8a2000bddc0" providerId="LiveId" clId="{A95D38A2-743B-422F-85AA-8A2F54BB1846}" dt="2021-09-14T08:23:04.670" v="2628" actId="478"/>
          <ac:grpSpMkLst>
            <pc:docMk/>
            <pc:sldMk cId="4054730534" sldId="275"/>
            <ac:grpSpMk id="20" creationId="{BCF87D45-6F05-4642-9A95-1EEE66EF7BFF}"/>
          </ac:grpSpMkLst>
        </pc:grpChg>
        <pc:grpChg chg="del mod topLvl">
          <ac:chgData name="Adam Wilson" userId="b8e2e8a2000bddc0" providerId="LiveId" clId="{A95D38A2-743B-422F-85AA-8A2F54BB1846}" dt="2021-09-14T08:23:04.670" v="2628" actId="478"/>
          <ac:grpSpMkLst>
            <pc:docMk/>
            <pc:sldMk cId="4054730534" sldId="275"/>
            <ac:grpSpMk id="23" creationId="{DEB29505-427E-470A-89AE-DE6FE74EE2A8}"/>
          </ac:grpSpMkLst>
        </pc:grpChg>
        <pc:grpChg chg="del mod topLvl">
          <ac:chgData name="Adam Wilson" userId="b8e2e8a2000bddc0" providerId="LiveId" clId="{A95D38A2-743B-422F-85AA-8A2F54BB1846}" dt="2021-09-14T08:23:04.670" v="2628" actId="478"/>
          <ac:grpSpMkLst>
            <pc:docMk/>
            <pc:sldMk cId="4054730534" sldId="275"/>
            <ac:grpSpMk id="24" creationId="{C9FA1806-0EAB-47F0-8D95-16917EB44F79}"/>
          </ac:grpSpMkLst>
        </pc:grpChg>
        <pc:grpChg chg="del mod topLvl">
          <ac:chgData name="Adam Wilson" userId="b8e2e8a2000bddc0" providerId="LiveId" clId="{A95D38A2-743B-422F-85AA-8A2F54BB1846}" dt="2021-09-14T08:22:31.632" v="2623" actId="478"/>
          <ac:grpSpMkLst>
            <pc:docMk/>
            <pc:sldMk cId="4054730534" sldId="275"/>
            <ac:grpSpMk id="27" creationId="{DA0BB447-938B-42C9-A898-20706A379638}"/>
          </ac:grpSpMkLst>
        </pc:grpChg>
        <pc:grpChg chg="del mod topLvl">
          <ac:chgData name="Adam Wilson" userId="b8e2e8a2000bddc0" providerId="LiveId" clId="{A95D38A2-743B-422F-85AA-8A2F54BB1846}" dt="2021-09-14T08:23:04.670" v="2628" actId="478"/>
          <ac:grpSpMkLst>
            <pc:docMk/>
            <pc:sldMk cId="4054730534" sldId="275"/>
            <ac:grpSpMk id="28" creationId="{ACD01F17-2E36-422A-A073-54152541AF02}"/>
          </ac:grpSpMkLst>
        </pc:grpChg>
        <pc:grpChg chg="add del mod">
          <ac:chgData name="Adam Wilson" userId="b8e2e8a2000bddc0" providerId="LiveId" clId="{A95D38A2-743B-422F-85AA-8A2F54BB1846}" dt="2021-09-14T08:22:22.292" v="2617" actId="478"/>
          <ac:grpSpMkLst>
            <pc:docMk/>
            <pc:sldMk cId="4054730534" sldId="275"/>
            <ac:grpSpMk id="48" creationId="{36CD7CE4-BC5C-49CA-8F8A-BAA6CC67E76C}"/>
          </ac:grpSpMkLst>
        </pc:grpChg>
        <pc:grpChg chg="add del mod">
          <ac:chgData name="Adam Wilson" userId="b8e2e8a2000bddc0" providerId="LiveId" clId="{A95D38A2-743B-422F-85AA-8A2F54BB1846}" dt="2021-09-14T08:23:04.670" v="2628" actId="478"/>
          <ac:grpSpMkLst>
            <pc:docMk/>
            <pc:sldMk cId="4054730534" sldId="275"/>
            <ac:grpSpMk id="51" creationId="{5E527BAD-B6DC-43E4-BC8D-E917734E992D}"/>
          </ac:grpSpMkLst>
        </pc:grpChg>
        <pc:grpChg chg="add mod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54" creationId="{EDA8CACD-0D3D-47AC-98C5-79D00ABD07BF}"/>
          </ac:grpSpMkLst>
        </pc:grpChg>
        <pc:grpChg chg="add mod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57" creationId="{C12A66E6-3913-46F7-97B8-B28C016C9216}"/>
          </ac:grpSpMkLst>
        </pc:grpChg>
        <pc:grpChg chg="add del mod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60" creationId="{105D52AF-C34B-44D0-98C0-F7AF61185C49}"/>
          </ac:grpSpMkLst>
        </pc:grpChg>
        <pc:grpChg chg="add mod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63" creationId="{03F2C8F6-38DF-458E-ABA7-BF5021659E1A}"/>
          </ac:grpSpMkLst>
        </pc:grpChg>
        <pc:grpChg chg="add mod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66" creationId="{20D3C0E5-9449-42E5-A6C7-BF6A5CF551D7}"/>
          </ac:grpSpMkLst>
        </pc:grpChg>
        <pc:grpChg chg="add del mod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69" creationId="{965C13D2-6351-4ACC-B0EF-C1966838CFA2}"/>
          </ac:grpSpMkLst>
        </pc:grpChg>
        <pc:grpChg chg="add mod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72" creationId="{63C64A6D-6DB7-499C-998F-D2C34542457E}"/>
          </ac:grpSpMkLst>
        </pc:grpChg>
        <pc:grpChg chg="add mod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75" creationId="{AEBF2CF9-817F-4DBF-AF95-6A96DB6492DC}"/>
          </ac:grpSpMkLst>
        </pc:grpChg>
        <pc:grpChg chg="add mod">
          <ac:chgData name="Adam Wilson" userId="b8e2e8a2000bddc0" providerId="LiveId" clId="{A95D38A2-743B-422F-85AA-8A2F54BB1846}" dt="2021-09-14T08:27:02.840" v="2689" actId="1076"/>
          <ac:grpSpMkLst>
            <pc:docMk/>
            <pc:sldMk cId="4054730534" sldId="275"/>
            <ac:grpSpMk id="78" creationId="{CD249600-89BC-4B57-B5E2-26B22A86E4D1}"/>
          </ac:grpSpMkLst>
        </pc:grpChg>
        <pc:grpChg chg="add del mod">
          <ac:chgData name="Adam Wilson" userId="b8e2e8a2000bddc0" providerId="LiveId" clId="{A95D38A2-743B-422F-85AA-8A2F54BB1846}" dt="2021-09-14T08:23:56.855" v="2644" actId="478"/>
          <ac:grpSpMkLst>
            <pc:docMk/>
            <pc:sldMk cId="4054730534" sldId="275"/>
            <ac:grpSpMk id="81" creationId="{B3876AA3-CDDB-4FAE-A523-D553F89AA4D2}"/>
          </ac:grpSpMkLst>
        </pc:grpChg>
        <pc:grpChg chg="add del mod">
          <ac:chgData name="Adam Wilson" userId="b8e2e8a2000bddc0" providerId="LiveId" clId="{A95D38A2-743B-422F-85AA-8A2F54BB1846}" dt="2021-09-14T08:23:56.448" v="2643" actId="478"/>
          <ac:grpSpMkLst>
            <pc:docMk/>
            <pc:sldMk cId="4054730534" sldId="275"/>
            <ac:grpSpMk id="84" creationId="{A252B9DF-A1C9-4D91-BEA7-7D1394801E1A}"/>
          </ac:grpSpMkLst>
        </pc:grpChg>
        <pc:picChg chg="add del mod">
          <ac:chgData name="Adam Wilson" userId="b8e2e8a2000bddc0" providerId="LiveId" clId="{A95D38A2-743B-422F-85AA-8A2F54BB1846}" dt="2021-09-14T08:26:57.859" v="2688" actId="21"/>
          <ac:picMkLst>
            <pc:docMk/>
            <pc:sldMk cId="4054730534" sldId="275"/>
            <ac:picMk id="101" creationId="{FFE74DA2-C46B-4F36-ACD4-4F2E40752490}"/>
          </ac:picMkLst>
        </pc:picChg>
        <pc:cxnChg chg="mod topLvl">
          <ac:chgData name="Adam Wilson" userId="b8e2e8a2000bddc0" providerId="LiveId" clId="{A95D38A2-743B-422F-85AA-8A2F54BB1846}" dt="2021-09-14T08:27:02.840" v="2689" actId="1076"/>
          <ac:cxnSpMkLst>
            <pc:docMk/>
            <pc:sldMk cId="4054730534" sldId="275"/>
            <ac:cxnSpMk id="7" creationId="{67A4EAA5-1B27-422C-AA88-31AD67FCC743}"/>
          </ac:cxnSpMkLst>
        </pc:cxnChg>
        <pc:cxnChg chg="mod topLvl">
          <ac:chgData name="Adam Wilson" userId="b8e2e8a2000bddc0" providerId="LiveId" clId="{A95D38A2-743B-422F-85AA-8A2F54BB1846}" dt="2021-09-14T08:27:02.840" v="2689" actId="1076"/>
          <ac:cxnSpMkLst>
            <pc:docMk/>
            <pc:sldMk cId="4054730534" sldId="275"/>
            <ac:cxnSpMk id="8" creationId="{5848AEAF-F3CF-4DC9-84D1-8AFDA12C4299}"/>
          </ac:cxnSpMkLst>
        </pc:cxnChg>
        <pc:cxnChg chg="mod topLvl">
          <ac:chgData name="Adam Wilson" userId="b8e2e8a2000bddc0" providerId="LiveId" clId="{A95D38A2-743B-422F-85AA-8A2F54BB1846}" dt="2021-09-14T08:27:02.840" v="2689" actId="1076"/>
          <ac:cxnSpMkLst>
            <pc:docMk/>
            <pc:sldMk cId="4054730534" sldId="275"/>
            <ac:cxnSpMk id="9" creationId="{58C7887E-624D-4825-B73B-68918F76DF88}"/>
          </ac:cxnSpMkLst>
        </pc:cxnChg>
        <pc:cxnChg chg="mod topLvl">
          <ac:chgData name="Adam Wilson" userId="b8e2e8a2000bddc0" providerId="LiveId" clId="{A95D38A2-743B-422F-85AA-8A2F54BB1846}" dt="2021-09-14T08:27:02.840" v="2689" actId="1076"/>
          <ac:cxnSpMkLst>
            <pc:docMk/>
            <pc:sldMk cId="4054730534" sldId="275"/>
            <ac:cxnSpMk id="10" creationId="{E87E2310-4F22-481D-8142-056E04C5093A}"/>
          </ac:cxnSpMkLst>
        </pc:cxnChg>
        <pc:cxnChg chg="del mod topLvl">
          <ac:chgData name="Adam Wilson" userId="b8e2e8a2000bddc0" providerId="LiveId" clId="{A95D38A2-743B-422F-85AA-8A2F54BB1846}" dt="2021-09-14T08:22:26.307" v="2621" actId="478"/>
          <ac:cxnSpMkLst>
            <pc:docMk/>
            <pc:sldMk cId="4054730534" sldId="275"/>
            <ac:cxnSpMk id="15" creationId="{5BAE2028-04DD-434D-BEDD-FE49FE4B1861}"/>
          </ac:cxnSpMkLst>
        </pc:cxnChg>
        <pc:cxnChg chg="del mod topLvl">
          <ac:chgData name="Adam Wilson" userId="b8e2e8a2000bddc0" providerId="LiveId" clId="{A95D38A2-743B-422F-85AA-8A2F54BB1846}" dt="2021-09-14T08:22:24.607" v="2619" actId="478"/>
          <ac:cxnSpMkLst>
            <pc:docMk/>
            <pc:sldMk cId="4054730534" sldId="275"/>
            <ac:cxnSpMk id="16" creationId="{604CBE3B-FE4E-4140-A26F-C00C7B01A34C}"/>
          </ac:cxnSpMkLst>
        </pc:cxnChg>
        <pc:cxnChg chg="del mod topLvl">
          <ac:chgData name="Adam Wilson" userId="b8e2e8a2000bddc0" providerId="LiveId" clId="{A95D38A2-743B-422F-85AA-8A2F54BB1846}" dt="2021-09-14T08:22:26.956" v="2622" actId="478"/>
          <ac:cxnSpMkLst>
            <pc:docMk/>
            <pc:sldMk cId="4054730534" sldId="275"/>
            <ac:cxnSpMk id="17" creationId="{9F91F1D6-8FA5-4D8E-B71C-1AE29E0AC5B9}"/>
          </ac:cxnSpMkLst>
        </pc:cxnChg>
        <pc:cxnChg chg="del mod topLvl">
          <ac:chgData name="Adam Wilson" userId="b8e2e8a2000bddc0" providerId="LiveId" clId="{A95D38A2-743B-422F-85AA-8A2F54BB1846}" dt="2021-09-14T08:22:25.792" v="2620" actId="478"/>
          <ac:cxnSpMkLst>
            <pc:docMk/>
            <pc:sldMk cId="4054730534" sldId="275"/>
            <ac:cxnSpMk id="18" creationId="{823B094F-48BA-402E-A113-23F27E7E7A02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32" creationId="{BF479E32-9183-405C-91C2-FA0FF7D2F9C4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33" creationId="{86FDF918-B5C4-47BA-9EBA-D9A33C805CE9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34" creationId="{62269BE0-EC74-4A90-8BE1-E2C162FE120B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35" creationId="{4269BA54-637F-4CC0-9CFE-B96C88CE2693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36" creationId="{0C5EB171-43CE-4374-BC76-5AC363099F26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37" creationId="{C64C9BD5-7775-41CC-BE98-CF4C96AFC92D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38" creationId="{BB0EB983-AB24-438D-AFD3-04DC064427FB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39" creationId="{DA478EA6-0CC0-4D91-9D6F-7CD0CE347547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40" creationId="{4EB5590C-2CDD-43EA-8005-F7F1C5774510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41" creationId="{6487910C-FF6E-420F-8F84-0EE19FE72A26}"/>
          </ac:cxnSpMkLst>
        </pc:cxnChg>
        <pc:cxnChg chg="mod">
          <ac:chgData name="Adam Wilson" userId="b8e2e8a2000bddc0" providerId="LiveId" clId="{A95D38A2-743B-422F-85AA-8A2F54BB1846}" dt="2021-09-14T08:23:35.470" v="2636" actId="1076"/>
          <ac:cxnSpMkLst>
            <pc:docMk/>
            <pc:sldMk cId="4054730534" sldId="275"/>
            <ac:cxnSpMk id="42" creationId="{C840A235-6DCE-4270-A1F9-FD9BC74053FF}"/>
          </ac:cxnSpMkLst>
        </pc:cxnChg>
        <pc:cxnChg chg="mod">
          <ac:chgData name="Adam Wilson" userId="b8e2e8a2000bddc0" providerId="LiveId" clId="{A95D38A2-743B-422F-85AA-8A2F54BB1846}" dt="2021-09-14T08:23:35.470" v="2636" actId="1076"/>
          <ac:cxnSpMkLst>
            <pc:docMk/>
            <pc:sldMk cId="4054730534" sldId="275"/>
            <ac:cxnSpMk id="43" creationId="{95575379-E016-40C4-A003-BE82842C6C37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44" creationId="{89F8D17B-09EF-4C31-8AEE-198246B0EBD0}"/>
          </ac:cxnSpMkLst>
        </pc:cxnChg>
        <pc:cxnChg chg="mod">
          <ac:chgData name="Adam Wilson" userId="b8e2e8a2000bddc0" providerId="LiveId" clId="{A95D38A2-743B-422F-85AA-8A2F54BB1846}" dt="2021-09-14T08:21:58.576" v="2613" actId="165"/>
          <ac:cxnSpMkLst>
            <pc:docMk/>
            <pc:sldMk cId="4054730534" sldId="275"/>
            <ac:cxnSpMk id="45" creationId="{E45E9772-D059-452F-95FB-F040AD7C2B2B}"/>
          </ac:cxnSpMkLst>
        </pc:cxnChg>
        <pc:cxnChg chg="mod">
          <ac:chgData name="Adam Wilson" userId="b8e2e8a2000bddc0" providerId="LiveId" clId="{A95D38A2-743B-422F-85AA-8A2F54BB1846}" dt="2021-09-14T08:22:15.615" v="2615" actId="1076"/>
          <ac:cxnSpMkLst>
            <pc:docMk/>
            <pc:sldMk cId="4054730534" sldId="275"/>
            <ac:cxnSpMk id="49" creationId="{FECA9285-2437-4DBD-95B1-A8B291B84E08}"/>
          </ac:cxnSpMkLst>
        </pc:cxnChg>
        <pc:cxnChg chg="mod">
          <ac:chgData name="Adam Wilson" userId="b8e2e8a2000bddc0" providerId="LiveId" clId="{A95D38A2-743B-422F-85AA-8A2F54BB1846}" dt="2021-09-14T08:22:15.615" v="2615" actId="1076"/>
          <ac:cxnSpMkLst>
            <pc:docMk/>
            <pc:sldMk cId="4054730534" sldId="275"/>
            <ac:cxnSpMk id="50" creationId="{483D2016-570E-4F83-8EBB-98462518F260}"/>
          </ac:cxnSpMkLst>
        </pc:cxnChg>
        <pc:cxnChg chg="mod">
          <ac:chgData name="Adam Wilson" userId="b8e2e8a2000bddc0" providerId="LiveId" clId="{A95D38A2-743B-422F-85AA-8A2F54BB1846}" dt="2021-09-14T08:22:15.615" v="2615" actId="1076"/>
          <ac:cxnSpMkLst>
            <pc:docMk/>
            <pc:sldMk cId="4054730534" sldId="275"/>
            <ac:cxnSpMk id="52" creationId="{A28FE015-6F15-4839-BA06-3D670A7A19F6}"/>
          </ac:cxnSpMkLst>
        </pc:cxnChg>
        <pc:cxnChg chg="mod">
          <ac:chgData name="Adam Wilson" userId="b8e2e8a2000bddc0" providerId="LiveId" clId="{A95D38A2-743B-422F-85AA-8A2F54BB1846}" dt="2021-09-14T08:22:15.615" v="2615" actId="1076"/>
          <ac:cxnSpMkLst>
            <pc:docMk/>
            <pc:sldMk cId="4054730534" sldId="275"/>
            <ac:cxnSpMk id="53" creationId="{DA334C86-D296-4145-B12E-3B4CEA0A00EB}"/>
          </ac:cxnSpMkLst>
        </pc:cxnChg>
        <pc:cxnChg chg="mod">
          <ac:chgData name="Adam Wilson" userId="b8e2e8a2000bddc0" providerId="LiveId" clId="{A95D38A2-743B-422F-85AA-8A2F54BB1846}" dt="2021-09-14T08:23:29.469" v="2634" actId="1076"/>
          <ac:cxnSpMkLst>
            <pc:docMk/>
            <pc:sldMk cId="4054730534" sldId="275"/>
            <ac:cxnSpMk id="55" creationId="{BF19F1D9-F595-4520-A48D-B36AFC1E0970}"/>
          </ac:cxnSpMkLst>
        </pc:cxnChg>
        <pc:cxnChg chg="mod">
          <ac:chgData name="Adam Wilson" userId="b8e2e8a2000bddc0" providerId="LiveId" clId="{A95D38A2-743B-422F-85AA-8A2F54BB1846}" dt="2021-09-14T08:23:29.469" v="2634" actId="1076"/>
          <ac:cxnSpMkLst>
            <pc:docMk/>
            <pc:sldMk cId="4054730534" sldId="275"/>
            <ac:cxnSpMk id="56" creationId="{8F262124-F2C7-4529-A4BD-B4FE8E222F50}"/>
          </ac:cxnSpMkLst>
        </pc:cxnChg>
        <pc:cxnChg chg="mod">
          <ac:chgData name="Adam Wilson" userId="b8e2e8a2000bddc0" providerId="LiveId" clId="{A95D38A2-743B-422F-85AA-8A2F54BB1846}" dt="2021-09-14T08:24:44.598" v="2654" actId="1076"/>
          <ac:cxnSpMkLst>
            <pc:docMk/>
            <pc:sldMk cId="4054730534" sldId="275"/>
            <ac:cxnSpMk id="58" creationId="{8317D84A-88B0-49BB-B8BB-BBEFD6DD0DA8}"/>
          </ac:cxnSpMkLst>
        </pc:cxnChg>
        <pc:cxnChg chg="mod">
          <ac:chgData name="Adam Wilson" userId="b8e2e8a2000bddc0" providerId="LiveId" clId="{A95D38A2-743B-422F-85AA-8A2F54BB1846}" dt="2021-09-14T08:24:44.598" v="2654" actId="1076"/>
          <ac:cxnSpMkLst>
            <pc:docMk/>
            <pc:sldMk cId="4054730534" sldId="275"/>
            <ac:cxnSpMk id="59" creationId="{FE76F92B-68D1-45BD-930D-F4A107EC6E6B}"/>
          </ac:cxnSpMkLst>
        </pc:cxnChg>
        <pc:cxnChg chg="mod">
          <ac:chgData name="Adam Wilson" userId="b8e2e8a2000bddc0" providerId="LiveId" clId="{A95D38A2-743B-422F-85AA-8A2F54BB1846}" dt="2021-09-14T08:23:42.334" v="2638" actId="1076"/>
          <ac:cxnSpMkLst>
            <pc:docMk/>
            <pc:sldMk cId="4054730534" sldId="275"/>
            <ac:cxnSpMk id="61" creationId="{E3A0366E-3616-489B-9D07-326DFF4AD5AC}"/>
          </ac:cxnSpMkLst>
        </pc:cxnChg>
        <pc:cxnChg chg="mod">
          <ac:chgData name="Adam Wilson" userId="b8e2e8a2000bddc0" providerId="LiveId" clId="{A95D38A2-743B-422F-85AA-8A2F54BB1846}" dt="2021-09-14T08:23:42.334" v="2638" actId="1076"/>
          <ac:cxnSpMkLst>
            <pc:docMk/>
            <pc:sldMk cId="4054730534" sldId="275"/>
            <ac:cxnSpMk id="62" creationId="{11FA6DD4-6786-46E6-88B3-72D7026D96A5}"/>
          </ac:cxnSpMkLst>
        </pc:cxnChg>
        <pc:cxnChg chg="mod">
          <ac:chgData name="Adam Wilson" userId="b8e2e8a2000bddc0" providerId="LiveId" clId="{A95D38A2-743B-422F-85AA-8A2F54BB1846}" dt="2021-09-14T08:23:42.334" v="2638" actId="1076"/>
          <ac:cxnSpMkLst>
            <pc:docMk/>
            <pc:sldMk cId="4054730534" sldId="275"/>
            <ac:cxnSpMk id="64" creationId="{51752235-8256-4656-AFCA-0A2D6DA8D6BB}"/>
          </ac:cxnSpMkLst>
        </pc:cxnChg>
        <pc:cxnChg chg="mod">
          <ac:chgData name="Adam Wilson" userId="b8e2e8a2000bddc0" providerId="LiveId" clId="{A95D38A2-743B-422F-85AA-8A2F54BB1846}" dt="2021-09-14T08:23:42.334" v="2638" actId="1076"/>
          <ac:cxnSpMkLst>
            <pc:docMk/>
            <pc:sldMk cId="4054730534" sldId="275"/>
            <ac:cxnSpMk id="65" creationId="{74C2F952-681F-444C-90A3-B8F82E882F83}"/>
          </ac:cxnSpMkLst>
        </pc:cxnChg>
        <pc:cxnChg chg="mod">
          <ac:chgData name="Adam Wilson" userId="b8e2e8a2000bddc0" providerId="LiveId" clId="{A95D38A2-743B-422F-85AA-8A2F54BB1846}" dt="2021-09-14T08:24:44.598" v="2654" actId="1076"/>
          <ac:cxnSpMkLst>
            <pc:docMk/>
            <pc:sldMk cId="4054730534" sldId="275"/>
            <ac:cxnSpMk id="67" creationId="{9A958949-E735-4D4E-9FAB-BD2251A01357}"/>
          </ac:cxnSpMkLst>
        </pc:cxnChg>
        <pc:cxnChg chg="mod">
          <ac:chgData name="Adam Wilson" userId="b8e2e8a2000bddc0" providerId="LiveId" clId="{A95D38A2-743B-422F-85AA-8A2F54BB1846}" dt="2021-09-14T08:24:44.598" v="2654" actId="1076"/>
          <ac:cxnSpMkLst>
            <pc:docMk/>
            <pc:sldMk cId="4054730534" sldId="275"/>
            <ac:cxnSpMk id="68" creationId="{6617D1DE-3332-4161-AD5A-1E9253821FCA}"/>
          </ac:cxnSpMkLst>
        </pc:cxnChg>
        <pc:cxnChg chg="mod">
          <ac:chgData name="Adam Wilson" userId="b8e2e8a2000bddc0" providerId="LiveId" clId="{A95D38A2-743B-422F-85AA-8A2F54BB1846}" dt="2021-09-14T08:23:48.270" v="2640" actId="1076"/>
          <ac:cxnSpMkLst>
            <pc:docMk/>
            <pc:sldMk cId="4054730534" sldId="275"/>
            <ac:cxnSpMk id="70" creationId="{AF03A2F3-C476-4BEA-B998-DACE6AB1BBDE}"/>
          </ac:cxnSpMkLst>
        </pc:cxnChg>
        <pc:cxnChg chg="mod">
          <ac:chgData name="Adam Wilson" userId="b8e2e8a2000bddc0" providerId="LiveId" clId="{A95D38A2-743B-422F-85AA-8A2F54BB1846}" dt="2021-09-14T08:23:48.270" v="2640" actId="1076"/>
          <ac:cxnSpMkLst>
            <pc:docMk/>
            <pc:sldMk cId="4054730534" sldId="275"/>
            <ac:cxnSpMk id="71" creationId="{EFF47B58-76DB-4413-BA87-3DE4A1DCF557}"/>
          </ac:cxnSpMkLst>
        </pc:cxnChg>
        <pc:cxnChg chg="mod">
          <ac:chgData name="Adam Wilson" userId="b8e2e8a2000bddc0" providerId="LiveId" clId="{A95D38A2-743B-422F-85AA-8A2F54BB1846}" dt="2021-09-14T08:23:48.270" v="2640" actId="1076"/>
          <ac:cxnSpMkLst>
            <pc:docMk/>
            <pc:sldMk cId="4054730534" sldId="275"/>
            <ac:cxnSpMk id="73" creationId="{A7154498-BC21-4544-92C0-7F5C313D113D}"/>
          </ac:cxnSpMkLst>
        </pc:cxnChg>
        <pc:cxnChg chg="mod">
          <ac:chgData name="Adam Wilson" userId="b8e2e8a2000bddc0" providerId="LiveId" clId="{A95D38A2-743B-422F-85AA-8A2F54BB1846}" dt="2021-09-14T08:23:48.270" v="2640" actId="1076"/>
          <ac:cxnSpMkLst>
            <pc:docMk/>
            <pc:sldMk cId="4054730534" sldId="275"/>
            <ac:cxnSpMk id="74" creationId="{84A4B09D-5C1C-4426-B698-90FE11E61B8D}"/>
          </ac:cxnSpMkLst>
        </pc:cxnChg>
        <pc:cxnChg chg="mod">
          <ac:chgData name="Adam Wilson" userId="b8e2e8a2000bddc0" providerId="LiveId" clId="{A95D38A2-743B-422F-85AA-8A2F54BB1846}" dt="2021-09-14T08:24:44.598" v="2654" actId="1076"/>
          <ac:cxnSpMkLst>
            <pc:docMk/>
            <pc:sldMk cId="4054730534" sldId="275"/>
            <ac:cxnSpMk id="76" creationId="{1DD62DAC-C875-452A-A7D2-0EA45A903C2B}"/>
          </ac:cxnSpMkLst>
        </pc:cxnChg>
        <pc:cxnChg chg="mod">
          <ac:chgData name="Adam Wilson" userId="b8e2e8a2000bddc0" providerId="LiveId" clId="{A95D38A2-743B-422F-85AA-8A2F54BB1846}" dt="2021-09-14T08:24:44.598" v="2654" actId="1076"/>
          <ac:cxnSpMkLst>
            <pc:docMk/>
            <pc:sldMk cId="4054730534" sldId="275"/>
            <ac:cxnSpMk id="77" creationId="{16F951E8-05B3-44DD-989B-B90786045F39}"/>
          </ac:cxnSpMkLst>
        </pc:cxnChg>
        <pc:cxnChg chg="mod">
          <ac:chgData name="Adam Wilson" userId="b8e2e8a2000bddc0" providerId="LiveId" clId="{A95D38A2-743B-422F-85AA-8A2F54BB1846}" dt="2021-09-14T08:23:54.654" v="2642" actId="1076"/>
          <ac:cxnSpMkLst>
            <pc:docMk/>
            <pc:sldMk cId="4054730534" sldId="275"/>
            <ac:cxnSpMk id="79" creationId="{B75C2FB9-398D-41B7-8DCE-BFC0565FD6EE}"/>
          </ac:cxnSpMkLst>
        </pc:cxnChg>
        <pc:cxnChg chg="mod">
          <ac:chgData name="Adam Wilson" userId="b8e2e8a2000bddc0" providerId="LiveId" clId="{A95D38A2-743B-422F-85AA-8A2F54BB1846}" dt="2021-09-14T08:23:54.654" v="2642" actId="1076"/>
          <ac:cxnSpMkLst>
            <pc:docMk/>
            <pc:sldMk cId="4054730534" sldId="275"/>
            <ac:cxnSpMk id="80" creationId="{5E8FE439-8750-4C09-A100-0724915BB269}"/>
          </ac:cxnSpMkLst>
        </pc:cxnChg>
        <pc:cxnChg chg="mod">
          <ac:chgData name="Adam Wilson" userId="b8e2e8a2000bddc0" providerId="LiveId" clId="{A95D38A2-743B-422F-85AA-8A2F54BB1846}" dt="2021-09-14T08:23:54.654" v="2642" actId="1076"/>
          <ac:cxnSpMkLst>
            <pc:docMk/>
            <pc:sldMk cId="4054730534" sldId="275"/>
            <ac:cxnSpMk id="82" creationId="{91E374D7-4D92-4F4D-A31E-88F560967316}"/>
          </ac:cxnSpMkLst>
        </pc:cxnChg>
        <pc:cxnChg chg="mod">
          <ac:chgData name="Adam Wilson" userId="b8e2e8a2000bddc0" providerId="LiveId" clId="{A95D38A2-743B-422F-85AA-8A2F54BB1846}" dt="2021-09-14T08:23:54.654" v="2642" actId="1076"/>
          <ac:cxnSpMkLst>
            <pc:docMk/>
            <pc:sldMk cId="4054730534" sldId="275"/>
            <ac:cxnSpMk id="83" creationId="{8EF4D357-ED0F-4DDC-A98B-183A400A44D9}"/>
          </ac:cxnSpMkLst>
        </pc:cxnChg>
        <pc:cxnChg chg="mod">
          <ac:chgData name="Adam Wilson" userId="b8e2e8a2000bddc0" providerId="LiveId" clId="{A95D38A2-743B-422F-85AA-8A2F54BB1846}" dt="2021-09-14T08:23:54.654" v="2642" actId="1076"/>
          <ac:cxnSpMkLst>
            <pc:docMk/>
            <pc:sldMk cId="4054730534" sldId="275"/>
            <ac:cxnSpMk id="85" creationId="{4885082D-F49D-46A3-BA15-CA83C3F4AD23}"/>
          </ac:cxnSpMkLst>
        </pc:cxnChg>
        <pc:cxnChg chg="mod">
          <ac:chgData name="Adam Wilson" userId="b8e2e8a2000bddc0" providerId="LiveId" clId="{A95D38A2-743B-422F-85AA-8A2F54BB1846}" dt="2021-09-14T08:23:54.654" v="2642" actId="1076"/>
          <ac:cxnSpMkLst>
            <pc:docMk/>
            <pc:sldMk cId="4054730534" sldId="275"/>
            <ac:cxnSpMk id="86" creationId="{05490F77-20A3-42D3-B978-B577E1A29099}"/>
          </ac:cxnSpMkLst>
        </pc:cxnChg>
        <pc:cxnChg chg="add del mod">
          <ac:chgData name="Adam Wilson" userId="b8e2e8a2000bddc0" providerId="LiveId" clId="{A95D38A2-743B-422F-85AA-8A2F54BB1846}" dt="2021-09-14T08:26:27.336" v="2683" actId="478"/>
          <ac:cxnSpMkLst>
            <pc:docMk/>
            <pc:sldMk cId="4054730534" sldId="275"/>
            <ac:cxnSpMk id="88" creationId="{1C73E47F-DF28-4735-96B2-F78286400379}"/>
          </ac:cxnSpMkLst>
        </pc:cxnChg>
        <pc:cxnChg chg="add mod">
          <ac:chgData name="Adam Wilson" userId="b8e2e8a2000bddc0" providerId="LiveId" clId="{A95D38A2-743B-422F-85AA-8A2F54BB1846}" dt="2021-09-14T08:27:02.840" v="2689" actId="1076"/>
          <ac:cxnSpMkLst>
            <pc:docMk/>
            <pc:sldMk cId="4054730534" sldId="275"/>
            <ac:cxnSpMk id="89" creationId="{2927643C-2122-4E73-AC34-A73305E187FA}"/>
          </ac:cxnSpMkLst>
        </pc:cxnChg>
        <pc:cxnChg chg="add mod">
          <ac:chgData name="Adam Wilson" userId="b8e2e8a2000bddc0" providerId="LiveId" clId="{A95D38A2-743B-422F-85AA-8A2F54BB1846}" dt="2021-09-14T08:27:02.840" v="2689" actId="1076"/>
          <ac:cxnSpMkLst>
            <pc:docMk/>
            <pc:sldMk cId="4054730534" sldId="275"/>
            <ac:cxnSpMk id="91" creationId="{58DED6E1-A219-4137-90C0-322BB1808F54}"/>
          </ac:cxnSpMkLst>
        </pc:cxnChg>
        <pc:cxnChg chg="add mod">
          <ac:chgData name="Adam Wilson" userId="b8e2e8a2000bddc0" providerId="LiveId" clId="{A95D38A2-743B-422F-85AA-8A2F54BB1846}" dt="2021-09-14T08:27:02.840" v="2689" actId="1076"/>
          <ac:cxnSpMkLst>
            <pc:docMk/>
            <pc:sldMk cId="4054730534" sldId="275"/>
            <ac:cxnSpMk id="93" creationId="{0C50D40E-F4CF-4162-A5E5-C9620B0DF3CB}"/>
          </ac:cxnSpMkLst>
        </pc:cxnChg>
        <pc:cxnChg chg="add mod">
          <ac:chgData name="Adam Wilson" userId="b8e2e8a2000bddc0" providerId="LiveId" clId="{A95D38A2-743B-422F-85AA-8A2F54BB1846}" dt="2021-09-14T08:27:02.840" v="2689" actId="1076"/>
          <ac:cxnSpMkLst>
            <pc:docMk/>
            <pc:sldMk cId="4054730534" sldId="275"/>
            <ac:cxnSpMk id="96" creationId="{69B03035-B1C7-410A-87DA-687F2A2C193C}"/>
          </ac:cxnSpMkLst>
        </pc:cxnChg>
      </pc:sldChg>
      <pc:sldChg chg="addSp delSp modSp new mod">
        <pc:chgData name="Adam Wilson" userId="b8e2e8a2000bddc0" providerId="LiveId" clId="{A95D38A2-743B-422F-85AA-8A2F54BB1846}" dt="2021-09-15T07:57:35.336" v="4353" actId="1076"/>
        <pc:sldMkLst>
          <pc:docMk/>
          <pc:sldMk cId="424491601" sldId="276"/>
        </pc:sldMkLst>
        <pc:spChg chg="del">
          <ac:chgData name="Adam Wilson" userId="b8e2e8a2000bddc0" providerId="LiveId" clId="{A95D38A2-743B-422F-85AA-8A2F54BB1846}" dt="2021-09-14T08:27:14.196" v="2692" actId="478"/>
          <ac:spMkLst>
            <pc:docMk/>
            <pc:sldMk cId="424491601" sldId="276"/>
            <ac:spMk id="2" creationId="{89A77EAE-FB28-4976-9B12-DAAEA7233272}"/>
          </ac:spMkLst>
        </pc:spChg>
        <pc:spChg chg="del">
          <ac:chgData name="Adam Wilson" userId="b8e2e8a2000bddc0" providerId="LiveId" clId="{A95D38A2-743B-422F-85AA-8A2F54BB1846}" dt="2021-09-14T08:27:13.476" v="2691" actId="478"/>
          <ac:spMkLst>
            <pc:docMk/>
            <pc:sldMk cId="424491601" sldId="276"/>
            <ac:spMk id="3" creationId="{4B7EC1ED-614D-4074-B3F5-4F66A4DB26D4}"/>
          </ac:spMkLst>
        </pc:spChg>
        <pc:spChg chg="add mod">
          <ac:chgData name="Adam Wilson" userId="b8e2e8a2000bddc0" providerId="LiveId" clId="{A95D38A2-743B-422F-85AA-8A2F54BB1846}" dt="2021-09-15T07:56:41.556" v="4345" actId="1076"/>
          <ac:spMkLst>
            <pc:docMk/>
            <pc:sldMk cId="424491601" sldId="276"/>
            <ac:spMk id="6" creationId="{4ADD5433-37C6-4448-AA2A-85FD78D941B2}"/>
          </ac:spMkLst>
        </pc:spChg>
        <pc:spChg chg="add mod">
          <ac:chgData name="Adam Wilson" userId="b8e2e8a2000bddc0" providerId="LiveId" clId="{A95D38A2-743B-422F-85AA-8A2F54BB1846}" dt="2021-09-15T07:56:41.556" v="4345" actId="1076"/>
          <ac:spMkLst>
            <pc:docMk/>
            <pc:sldMk cId="424491601" sldId="276"/>
            <ac:spMk id="7" creationId="{83F8F415-6E75-4423-86B4-89E3E3F7956D}"/>
          </ac:spMkLst>
        </pc:spChg>
        <pc:spChg chg="add mod">
          <ac:chgData name="Adam Wilson" userId="b8e2e8a2000bddc0" providerId="LiveId" clId="{A95D38A2-743B-422F-85AA-8A2F54BB1846}" dt="2021-09-15T07:56:41.556" v="4345" actId="1076"/>
          <ac:spMkLst>
            <pc:docMk/>
            <pc:sldMk cId="424491601" sldId="276"/>
            <ac:spMk id="8" creationId="{1D900940-495F-4BBE-910D-6EA4CBEA8FCD}"/>
          </ac:spMkLst>
        </pc:spChg>
        <pc:spChg chg="add mod">
          <ac:chgData name="Adam Wilson" userId="b8e2e8a2000bddc0" providerId="LiveId" clId="{A95D38A2-743B-422F-85AA-8A2F54BB1846}" dt="2021-09-15T07:56:41.556" v="4345" actId="1076"/>
          <ac:spMkLst>
            <pc:docMk/>
            <pc:sldMk cId="424491601" sldId="276"/>
            <ac:spMk id="9" creationId="{F933F13D-5379-43EB-944A-8E385D22AB64}"/>
          </ac:spMkLst>
        </pc:spChg>
        <pc:spChg chg="add del">
          <ac:chgData name="Adam Wilson" userId="b8e2e8a2000bddc0" providerId="LiveId" clId="{A95D38A2-743B-422F-85AA-8A2F54BB1846}" dt="2021-09-14T08:29:42.407" v="2755" actId="478"/>
          <ac:spMkLst>
            <pc:docMk/>
            <pc:sldMk cId="424491601" sldId="276"/>
            <ac:spMk id="10" creationId="{CF7D2A0F-EDFB-4A6F-AE9D-91396093DDF4}"/>
          </ac:spMkLst>
        </pc:spChg>
        <pc:spChg chg="add mod">
          <ac:chgData name="Adam Wilson" userId="b8e2e8a2000bddc0" providerId="LiveId" clId="{A95D38A2-743B-422F-85AA-8A2F54BB1846}" dt="2021-09-15T07:56:41.556" v="4345" actId="1076"/>
          <ac:spMkLst>
            <pc:docMk/>
            <pc:sldMk cId="424491601" sldId="276"/>
            <ac:spMk id="11" creationId="{3B8D3A78-B172-4406-AA98-24D15C2BE83C}"/>
          </ac:spMkLst>
        </pc:spChg>
        <pc:spChg chg="add mod">
          <ac:chgData name="Adam Wilson" userId="b8e2e8a2000bddc0" providerId="LiveId" clId="{A95D38A2-743B-422F-85AA-8A2F54BB1846}" dt="2021-09-15T07:56:41.556" v="4345" actId="1076"/>
          <ac:spMkLst>
            <pc:docMk/>
            <pc:sldMk cId="424491601" sldId="276"/>
            <ac:spMk id="12" creationId="{5CFB7D54-D177-47ED-8D93-C33D744B14F2}"/>
          </ac:spMkLst>
        </pc:spChg>
        <pc:spChg chg="add mod">
          <ac:chgData name="Adam Wilson" userId="b8e2e8a2000bddc0" providerId="LiveId" clId="{A95D38A2-743B-422F-85AA-8A2F54BB1846}" dt="2021-09-15T07:56:41.556" v="4345" actId="1076"/>
          <ac:spMkLst>
            <pc:docMk/>
            <pc:sldMk cId="424491601" sldId="276"/>
            <ac:spMk id="13" creationId="{CBD4A5F0-E5E9-4284-9D2F-BF20AC044310}"/>
          </ac:spMkLst>
        </pc:spChg>
        <pc:spChg chg="add del mod">
          <ac:chgData name="Adam Wilson" userId="b8e2e8a2000bddc0" providerId="LiveId" clId="{A95D38A2-743B-422F-85AA-8A2F54BB1846}" dt="2021-09-14T08:30:50.912" v="2772"/>
          <ac:spMkLst>
            <pc:docMk/>
            <pc:sldMk cId="424491601" sldId="276"/>
            <ac:spMk id="16" creationId="{618A194C-5EA4-406A-8095-CC8C7CE532A4}"/>
          </ac:spMkLst>
        </pc:spChg>
        <pc:spChg chg="add mod">
          <ac:chgData name="Adam Wilson" userId="b8e2e8a2000bddc0" providerId="LiveId" clId="{A95D38A2-743B-422F-85AA-8A2F54BB1846}" dt="2021-09-15T07:57:21.619" v="4352" actId="1076"/>
          <ac:spMkLst>
            <pc:docMk/>
            <pc:sldMk cId="424491601" sldId="276"/>
            <ac:spMk id="22" creationId="{838ABC1A-EF23-4522-943A-0216E9AC81F1}"/>
          </ac:spMkLst>
        </pc:spChg>
        <pc:spChg chg="add mod">
          <ac:chgData name="Adam Wilson" userId="b8e2e8a2000bddc0" providerId="LiveId" clId="{A95D38A2-743B-422F-85AA-8A2F54BB1846}" dt="2021-09-15T07:57:21.619" v="4352" actId="1076"/>
          <ac:spMkLst>
            <pc:docMk/>
            <pc:sldMk cId="424491601" sldId="276"/>
            <ac:spMk id="24" creationId="{287E9FE3-37E0-4E9C-B01F-1611AD081F7C}"/>
          </ac:spMkLst>
        </pc:spChg>
        <pc:spChg chg="add mod">
          <ac:chgData name="Adam Wilson" userId="b8e2e8a2000bddc0" providerId="LiveId" clId="{A95D38A2-743B-422F-85AA-8A2F54BB1846}" dt="2021-09-15T07:57:21.619" v="4352" actId="1076"/>
          <ac:spMkLst>
            <pc:docMk/>
            <pc:sldMk cId="424491601" sldId="276"/>
            <ac:spMk id="25" creationId="{3C337202-DA60-4E4E-8CB1-81B5861FA197}"/>
          </ac:spMkLst>
        </pc:spChg>
        <pc:spChg chg="add del mod">
          <ac:chgData name="Adam Wilson" userId="b8e2e8a2000bddc0" providerId="LiveId" clId="{A95D38A2-743B-422F-85AA-8A2F54BB1846}" dt="2021-09-15T07:56:59.725" v="4348" actId="478"/>
          <ac:spMkLst>
            <pc:docMk/>
            <pc:sldMk cId="424491601" sldId="276"/>
            <ac:spMk id="27" creationId="{D7EA823E-1D0F-40C3-A017-9AD2636531AC}"/>
          </ac:spMkLst>
        </pc:spChg>
        <pc:spChg chg="add mod">
          <ac:chgData name="Adam Wilson" userId="b8e2e8a2000bddc0" providerId="LiveId" clId="{A95D38A2-743B-422F-85AA-8A2F54BB1846}" dt="2021-09-15T07:57:21.619" v="4352" actId="1076"/>
          <ac:spMkLst>
            <pc:docMk/>
            <pc:sldMk cId="424491601" sldId="276"/>
            <ac:spMk id="28" creationId="{E013F3FA-1987-479F-8398-A2B861AC3702}"/>
          </ac:spMkLst>
        </pc:spChg>
        <pc:spChg chg="add del mod">
          <ac:chgData name="Adam Wilson" userId="b8e2e8a2000bddc0" providerId="LiveId" clId="{A95D38A2-743B-422F-85AA-8A2F54BB1846}" dt="2021-09-15T07:56:59.725" v="4348" actId="478"/>
          <ac:spMkLst>
            <pc:docMk/>
            <pc:sldMk cId="424491601" sldId="276"/>
            <ac:spMk id="30" creationId="{7CF92F24-2020-4816-BA78-281A980C8566}"/>
          </ac:spMkLst>
        </pc:spChg>
        <pc:spChg chg="add del mod">
          <ac:chgData name="Adam Wilson" userId="b8e2e8a2000bddc0" providerId="LiveId" clId="{A95D38A2-743B-422F-85AA-8A2F54BB1846}" dt="2021-09-15T07:56:59.725" v="4348" actId="478"/>
          <ac:spMkLst>
            <pc:docMk/>
            <pc:sldMk cId="424491601" sldId="276"/>
            <ac:spMk id="31" creationId="{7C05508B-85D6-44DF-B132-622C0C5D3A1D}"/>
          </ac:spMkLst>
        </pc:spChg>
        <pc:spChg chg="add mod">
          <ac:chgData name="Adam Wilson" userId="b8e2e8a2000bddc0" providerId="LiveId" clId="{A95D38A2-743B-422F-85AA-8A2F54BB1846}" dt="2021-09-15T07:56:41.556" v="4345" actId="1076"/>
          <ac:spMkLst>
            <pc:docMk/>
            <pc:sldMk cId="424491601" sldId="276"/>
            <ac:spMk id="37" creationId="{73C3E153-70B1-47D5-99E6-BB4B722F9A65}"/>
          </ac:spMkLst>
        </pc:spChg>
        <pc:spChg chg="add del mod">
          <ac:chgData name="Adam Wilson" userId="b8e2e8a2000bddc0" providerId="LiveId" clId="{A95D38A2-743B-422F-85AA-8A2F54BB1846}" dt="2021-09-15T07:56:59.725" v="4348" actId="478"/>
          <ac:spMkLst>
            <pc:docMk/>
            <pc:sldMk cId="424491601" sldId="276"/>
            <ac:spMk id="43" creationId="{21C4F18D-F29E-4E29-87C1-8C1197A8C9E3}"/>
          </ac:spMkLst>
        </pc:spChg>
        <pc:spChg chg="add mod">
          <ac:chgData name="Adam Wilson" userId="b8e2e8a2000bddc0" providerId="LiveId" clId="{A95D38A2-743B-422F-85AA-8A2F54BB1846}" dt="2021-09-15T07:57:21.619" v="4352" actId="1076"/>
          <ac:spMkLst>
            <pc:docMk/>
            <pc:sldMk cId="424491601" sldId="276"/>
            <ac:spMk id="46" creationId="{AE9638D5-98D0-4169-8441-F25BB3BEE6E8}"/>
          </ac:spMkLst>
        </pc:spChg>
        <pc:spChg chg="add mod">
          <ac:chgData name="Adam Wilson" userId="b8e2e8a2000bddc0" providerId="LiveId" clId="{A95D38A2-743B-422F-85AA-8A2F54BB1846}" dt="2021-09-15T07:56:41.556" v="4345" actId="1076"/>
          <ac:spMkLst>
            <pc:docMk/>
            <pc:sldMk cId="424491601" sldId="276"/>
            <ac:spMk id="47" creationId="{5A2722BB-9DA0-48EF-97E3-D1EF5EC3990D}"/>
          </ac:spMkLst>
        </pc:spChg>
        <pc:picChg chg="add mod">
          <ac:chgData name="Adam Wilson" userId="b8e2e8a2000bddc0" providerId="LiveId" clId="{A95D38A2-743B-422F-85AA-8A2F54BB1846}" dt="2021-09-15T07:57:35.336" v="4353" actId="1076"/>
          <ac:picMkLst>
            <pc:docMk/>
            <pc:sldMk cId="424491601" sldId="276"/>
            <ac:picMk id="5" creationId="{1A7CABE4-E1EA-4FB3-BAFF-9F6B9DBBC138}"/>
          </ac:picMkLst>
        </pc:picChg>
        <pc:cxnChg chg="add mod">
          <ac:chgData name="Adam Wilson" userId="b8e2e8a2000bddc0" providerId="LiveId" clId="{A95D38A2-743B-422F-85AA-8A2F54BB1846}" dt="2021-09-15T07:56:41.556" v="4345" actId="1076"/>
          <ac:cxnSpMkLst>
            <pc:docMk/>
            <pc:sldMk cId="424491601" sldId="276"/>
            <ac:cxnSpMk id="15" creationId="{E196CEA8-CA10-4044-A787-7D4B74AEF989}"/>
          </ac:cxnSpMkLst>
        </pc:cxnChg>
        <pc:cxnChg chg="add mod">
          <ac:chgData name="Adam Wilson" userId="b8e2e8a2000bddc0" providerId="LiveId" clId="{A95D38A2-743B-422F-85AA-8A2F54BB1846}" dt="2021-09-15T07:56:41.556" v="4345" actId="1076"/>
          <ac:cxnSpMkLst>
            <pc:docMk/>
            <pc:sldMk cId="424491601" sldId="276"/>
            <ac:cxnSpMk id="17" creationId="{BCAD9AC2-9BCC-45DA-A6D3-C01545EAF44B}"/>
          </ac:cxnSpMkLst>
        </pc:cxnChg>
        <pc:cxnChg chg="add mod">
          <ac:chgData name="Adam Wilson" userId="b8e2e8a2000bddc0" providerId="LiveId" clId="{A95D38A2-743B-422F-85AA-8A2F54BB1846}" dt="2021-09-15T07:56:41.556" v="4345" actId="1076"/>
          <ac:cxnSpMkLst>
            <pc:docMk/>
            <pc:sldMk cId="424491601" sldId="276"/>
            <ac:cxnSpMk id="20" creationId="{7D064198-1204-4ACA-8B21-78F14F1F4104}"/>
          </ac:cxnSpMkLst>
        </pc:cxnChg>
        <pc:cxnChg chg="add mod">
          <ac:chgData name="Adam Wilson" userId="b8e2e8a2000bddc0" providerId="LiveId" clId="{A95D38A2-743B-422F-85AA-8A2F54BB1846}" dt="2021-09-15T07:56:41.556" v="4345" actId="1076"/>
          <ac:cxnSpMkLst>
            <pc:docMk/>
            <pc:sldMk cId="424491601" sldId="276"/>
            <ac:cxnSpMk id="23" creationId="{E7DDE31B-4A02-4A8D-85EB-621B148DB9A6}"/>
          </ac:cxnSpMkLst>
        </pc:cxnChg>
        <pc:cxnChg chg="add mod">
          <ac:chgData name="Adam Wilson" userId="b8e2e8a2000bddc0" providerId="LiveId" clId="{A95D38A2-743B-422F-85AA-8A2F54BB1846}" dt="2021-09-15T07:56:41.556" v="4345" actId="1076"/>
          <ac:cxnSpMkLst>
            <pc:docMk/>
            <pc:sldMk cId="424491601" sldId="276"/>
            <ac:cxnSpMk id="26" creationId="{728B7A50-6933-4743-8979-3AC9BAAA78A4}"/>
          </ac:cxnSpMkLst>
        </pc:cxnChg>
        <pc:cxnChg chg="add mod">
          <ac:chgData name="Adam Wilson" userId="b8e2e8a2000bddc0" providerId="LiveId" clId="{A95D38A2-743B-422F-85AA-8A2F54BB1846}" dt="2021-09-15T07:56:41.556" v="4345" actId="1076"/>
          <ac:cxnSpMkLst>
            <pc:docMk/>
            <pc:sldMk cId="424491601" sldId="276"/>
            <ac:cxnSpMk id="29" creationId="{085AB7A2-B795-4109-BA27-AC2A90C96016}"/>
          </ac:cxnSpMkLst>
        </pc:cxnChg>
        <pc:cxnChg chg="add del mod">
          <ac:chgData name="Adam Wilson" userId="b8e2e8a2000bddc0" providerId="LiveId" clId="{A95D38A2-743B-422F-85AA-8A2F54BB1846}" dt="2021-09-15T07:57:09.698" v="4350" actId="478"/>
          <ac:cxnSpMkLst>
            <pc:docMk/>
            <pc:sldMk cId="424491601" sldId="276"/>
            <ac:cxnSpMk id="32" creationId="{218A53A2-D44B-481F-947E-07B7B3E847D4}"/>
          </ac:cxnSpMkLst>
        </pc:cxnChg>
        <pc:cxnChg chg="add mod">
          <ac:chgData name="Adam Wilson" userId="b8e2e8a2000bddc0" providerId="LiveId" clId="{A95D38A2-743B-422F-85AA-8A2F54BB1846}" dt="2021-09-15T07:56:41.556" v="4345" actId="1076"/>
          <ac:cxnSpMkLst>
            <pc:docMk/>
            <pc:sldMk cId="424491601" sldId="276"/>
            <ac:cxnSpMk id="33" creationId="{E755DF1B-321A-45C4-9525-DEB4F1112FFB}"/>
          </ac:cxnSpMkLst>
        </pc:cxnChg>
        <pc:cxnChg chg="add del mod">
          <ac:chgData name="Adam Wilson" userId="b8e2e8a2000bddc0" providerId="LiveId" clId="{A95D38A2-743B-422F-85AA-8A2F54BB1846}" dt="2021-09-15T07:56:59.725" v="4348" actId="478"/>
          <ac:cxnSpMkLst>
            <pc:docMk/>
            <pc:sldMk cId="424491601" sldId="276"/>
            <ac:cxnSpMk id="34" creationId="{09FBD68A-9AC1-441C-9A3E-D7FD5D756E1F}"/>
          </ac:cxnSpMkLst>
        </pc:cxnChg>
        <pc:cxnChg chg="add del mod">
          <ac:chgData name="Adam Wilson" userId="b8e2e8a2000bddc0" providerId="LiveId" clId="{A95D38A2-743B-422F-85AA-8A2F54BB1846}" dt="2021-09-15T07:57:06.505" v="4349" actId="478"/>
          <ac:cxnSpMkLst>
            <pc:docMk/>
            <pc:sldMk cId="424491601" sldId="276"/>
            <ac:cxnSpMk id="35" creationId="{A8B63B10-B9B2-427F-95D2-E6BC39A53D09}"/>
          </ac:cxnSpMkLst>
        </pc:cxnChg>
        <pc:cxnChg chg="add del mod">
          <ac:chgData name="Adam Wilson" userId="b8e2e8a2000bddc0" providerId="LiveId" clId="{A95D38A2-743B-422F-85AA-8A2F54BB1846}" dt="2021-09-15T07:56:59.725" v="4348" actId="478"/>
          <ac:cxnSpMkLst>
            <pc:docMk/>
            <pc:sldMk cId="424491601" sldId="276"/>
            <ac:cxnSpMk id="36" creationId="{1736FAB5-2A1B-41D6-B6F5-480F0B29427E}"/>
          </ac:cxnSpMkLst>
        </pc:cxnChg>
        <pc:cxnChg chg="add mod">
          <ac:chgData name="Adam Wilson" userId="b8e2e8a2000bddc0" providerId="LiveId" clId="{A95D38A2-743B-422F-85AA-8A2F54BB1846}" dt="2021-09-15T07:56:41.556" v="4345" actId="1076"/>
          <ac:cxnSpMkLst>
            <pc:docMk/>
            <pc:sldMk cId="424491601" sldId="276"/>
            <ac:cxnSpMk id="38" creationId="{8EDE9B39-98AB-42FC-9FD4-98E6FA3EBDB2}"/>
          </ac:cxnSpMkLst>
        </pc:cxnChg>
        <pc:cxnChg chg="add mod">
          <ac:chgData name="Adam Wilson" userId="b8e2e8a2000bddc0" providerId="LiveId" clId="{A95D38A2-743B-422F-85AA-8A2F54BB1846}" dt="2021-09-15T07:57:21.619" v="4352" actId="1076"/>
          <ac:cxnSpMkLst>
            <pc:docMk/>
            <pc:sldMk cId="424491601" sldId="276"/>
            <ac:cxnSpMk id="39" creationId="{ED0EA72A-444B-4E3A-8B60-2D20D565E30A}"/>
          </ac:cxnSpMkLst>
        </pc:cxnChg>
        <pc:cxnChg chg="add mod">
          <ac:chgData name="Adam Wilson" userId="b8e2e8a2000bddc0" providerId="LiveId" clId="{A95D38A2-743B-422F-85AA-8A2F54BB1846}" dt="2021-09-15T07:57:21.619" v="4352" actId="1076"/>
          <ac:cxnSpMkLst>
            <pc:docMk/>
            <pc:sldMk cId="424491601" sldId="276"/>
            <ac:cxnSpMk id="40" creationId="{BCC6530D-3C40-4B3D-A3D2-11BF98BC1C59}"/>
          </ac:cxnSpMkLst>
        </pc:cxnChg>
        <pc:cxnChg chg="add mod">
          <ac:chgData name="Adam Wilson" userId="b8e2e8a2000bddc0" providerId="LiveId" clId="{A95D38A2-743B-422F-85AA-8A2F54BB1846}" dt="2021-09-15T07:57:21.619" v="4352" actId="1076"/>
          <ac:cxnSpMkLst>
            <pc:docMk/>
            <pc:sldMk cId="424491601" sldId="276"/>
            <ac:cxnSpMk id="41" creationId="{7BF3275A-22EE-4DA0-9DC0-1DB2CD350B1A}"/>
          </ac:cxnSpMkLst>
        </pc:cxnChg>
        <pc:cxnChg chg="add mod">
          <ac:chgData name="Adam Wilson" userId="b8e2e8a2000bddc0" providerId="LiveId" clId="{A95D38A2-743B-422F-85AA-8A2F54BB1846}" dt="2021-09-15T07:56:41.556" v="4345" actId="1076"/>
          <ac:cxnSpMkLst>
            <pc:docMk/>
            <pc:sldMk cId="424491601" sldId="276"/>
            <ac:cxnSpMk id="42" creationId="{5CE97ED5-8CC5-4D08-91D0-C3DB0B273CEA}"/>
          </ac:cxnSpMkLst>
        </pc:cxnChg>
        <pc:cxnChg chg="add del mod">
          <ac:chgData name="Adam Wilson" userId="b8e2e8a2000bddc0" providerId="LiveId" clId="{A95D38A2-743B-422F-85AA-8A2F54BB1846}" dt="2021-09-15T07:56:59.725" v="4348" actId="478"/>
          <ac:cxnSpMkLst>
            <pc:docMk/>
            <pc:sldMk cId="424491601" sldId="276"/>
            <ac:cxnSpMk id="44" creationId="{237370E0-806E-4C00-97C2-3DB257678627}"/>
          </ac:cxnSpMkLst>
        </pc:cxnChg>
        <pc:cxnChg chg="add mod">
          <ac:chgData name="Adam Wilson" userId="b8e2e8a2000bddc0" providerId="LiveId" clId="{A95D38A2-743B-422F-85AA-8A2F54BB1846}" dt="2021-09-15T07:57:21.619" v="4352" actId="1076"/>
          <ac:cxnSpMkLst>
            <pc:docMk/>
            <pc:sldMk cId="424491601" sldId="276"/>
            <ac:cxnSpMk id="45" creationId="{702B4849-2688-400D-B6C6-C9B14FC41681}"/>
          </ac:cxnSpMkLst>
        </pc:cxnChg>
      </pc:sldChg>
      <pc:sldChg chg="addSp delSp modSp new mod">
        <pc:chgData name="Adam Wilson" userId="b8e2e8a2000bddc0" providerId="LiveId" clId="{A95D38A2-743B-422F-85AA-8A2F54BB1846}" dt="2021-09-14T13:34:21.271" v="3959" actId="571"/>
        <pc:sldMkLst>
          <pc:docMk/>
          <pc:sldMk cId="194669743" sldId="277"/>
        </pc:sldMkLst>
        <pc:spChg chg="mod">
          <ac:chgData name="Adam Wilson" userId="b8e2e8a2000bddc0" providerId="LiveId" clId="{A95D38A2-743B-422F-85AA-8A2F54BB1846}" dt="2021-09-14T12:59:18.607" v="3354" actId="20577"/>
          <ac:spMkLst>
            <pc:docMk/>
            <pc:sldMk cId="194669743" sldId="277"/>
            <ac:spMk id="2" creationId="{8566C0B5-5ED1-4CD8-A060-9D1E5A00416B}"/>
          </ac:spMkLst>
        </pc:spChg>
        <pc:spChg chg="del">
          <ac:chgData name="Adam Wilson" userId="b8e2e8a2000bddc0" providerId="LiveId" clId="{A95D38A2-743B-422F-85AA-8A2F54BB1846}" dt="2021-09-14T08:43:43.527" v="2907" actId="478"/>
          <ac:spMkLst>
            <pc:docMk/>
            <pc:sldMk cId="194669743" sldId="277"/>
            <ac:spMk id="3" creationId="{564B8DFB-D21B-4F2D-B8E4-102F9BDB71BE}"/>
          </ac:spMkLst>
        </pc:spChg>
        <pc:spChg chg="add mod">
          <ac:chgData name="Adam Wilson" userId="b8e2e8a2000bddc0" providerId="LiveId" clId="{A95D38A2-743B-422F-85AA-8A2F54BB1846}" dt="2021-09-14T13:34:17.543" v="3958" actId="1076"/>
          <ac:spMkLst>
            <pc:docMk/>
            <pc:sldMk cId="194669743" sldId="277"/>
            <ac:spMk id="12" creationId="{A01AA332-F860-4B07-9DA8-ABD12C32BB04}"/>
          </ac:spMkLst>
        </pc:spChg>
        <pc:spChg chg="add mod">
          <ac:chgData name="Adam Wilson" userId="b8e2e8a2000bddc0" providerId="LiveId" clId="{A95D38A2-743B-422F-85AA-8A2F54BB1846}" dt="2021-09-14T13:34:21.271" v="3959" actId="571"/>
          <ac:spMkLst>
            <pc:docMk/>
            <pc:sldMk cId="194669743" sldId="277"/>
            <ac:spMk id="14" creationId="{EA969655-28FF-4A0D-BE26-F1E3FFE40DF2}"/>
          </ac:spMkLst>
        </pc:spChg>
        <pc:picChg chg="add mod">
          <ac:chgData name="Adam Wilson" userId="b8e2e8a2000bddc0" providerId="LiveId" clId="{A95D38A2-743B-422F-85AA-8A2F54BB1846}" dt="2021-09-14T13:33:58.578" v="3911" actId="1076"/>
          <ac:picMkLst>
            <pc:docMk/>
            <pc:sldMk cId="194669743" sldId="277"/>
            <ac:picMk id="5" creationId="{4A96F2CD-55B5-47B8-93AA-125FE1A69BDA}"/>
          </ac:picMkLst>
        </pc:picChg>
        <pc:picChg chg="add del mod">
          <ac:chgData name="Adam Wilson" userId="b8e2e8a2000bddc0" providerId="LiveId" clId="{A95D38A2-743B-422F-85AA-8A2F54BB1846}" dt="2021-09-14T12:58:37.405" v="3320" actId="478"/>
          <ac:picMkLst>
            <pc:docMk/>
            <pc:sldMk cId="194669743" sldId="277"/>
            <ac:picMk id="6" creationId="{1AD9EFA1-3766-4059-9BFB-EEE531C4F2D0}"/>
          </ac:picMkLst>
        </pc:picChg>
        <pc:picChg chg="add del mod">
          <ac:chgData name="Adam Wilson" userId="b8e2e8a2000bddc0" providerId="LiveId" clId="{A95D38A2-743B-422F-85AA-8A2F54BB1846}" dt="2021-09-14T12:58:38.910" v="3321" actId="478"/>
          <ac:picMkLst>
            <pc:docMk/>
            <pc:sldMk cId="194669743" sldId="277"/>
            <ac:picMk id="8" creationId="{D1374294-C0DC-476B-B04E-FAA305597351}"/>
          </ac:picMkLst>
        </pc:picChg>
        <pc:picChg chg="add mod">
          <ac:chgData name="Adam Wilson" userId="b8e2e8a2000bddc0" providerId="LiveId" clId="{A95D38A2-743B-422F-85AA-8A2F54BB1846}" dt="2021-09-14T13:33:58.578" v="3911" actId="1076"/>
          <ac:picMkLst>
            <pc:docMk/>
            <pc:sldMk cId="194669743" sldId="277"/>
            <ac:picMk id="9" creationId="{72159F22-ADF6-424E-860A-D8DD660A6145}"/>
          </ac:picMkLst>
        </pc:picChg>
        <pc:picChg chg="add del mod">
          <ac:chgData name="Adam Wilson" userId="b8e2e8a2000bddc0" providerId="LiveId" clId="{A95D38A2-743B-422F-85AA-8A2F54BB1846}" dt="2021-09-14T08:44:42.796" v="2929" actId="21"/>
          <ac:picMkLst>
            <pc:docMk/>
            <pc:sldMk cId="194669743" sldId="277"/>
            <ac:picMk id="10" creationId="{7E576435-EB0E-4557-8473-A46D090C0945}"/>
          </ac:picMkLst>
        </pc:picChg>
        <pc:picChg chg="add mod">
          <ac:chgData name="Adam Wilson" userId="b8e2e8a2000bddc0" providerId="LiveId" clId="{A95D38A2-743B-422F-85AA-8A2F54BB1846}" dt="2021-09-14T13:33:55.651" v="3910" actId="1076"/>
          <ac:picMkLst>
            <pc:docMk/>
            <pc:sldMk cId="194669743" sldId="277"/>
            <ac:picMk id="11" creationId="{00EE59F3-B5FF-4FEC-BDE6-7C7458E15DF1}"/>
          </ac:picMkLst>
        </pc:picChg>
        <pc:picChg chg="add del mod">
          <ac:chgData name="Adam Wilson" userId="b8e2e8a2000bddc0" providerId="LiveId" clId="{A95D38A2-743B-422F-85AA-8A2F54BB1846}" dt="2021-09-14T08:44:42.796" v="2929" actId="21"/>
          <ac:picMkLst>
            <pc:docMk/>
            <pc:sldMk cId="194669743" sldId="277"/>
            <ac:picMk id="12" creationId="{11787BDF-F696-4C58-AFAA-6ECCB82E090F}"/>
          </ac:picMkLst>
        </pc:picChg>
        <pc:picChg chg="add mod">
          <ac:chgData name="Adam Wilson" userId="b8e2e8a2000bddc0" providerId="LiveId" clId="{A95D38A2-743B-422F-85AA-8A2F54BB1846}" dt="2021-09-14T13:34:21.271" v="3959" actId="571"/>
          <ac:picMkLst>
            <pc:docMk/>
            <pc:sldMk cId="194669743" sldId="277"/>
            <ac:picMk id="13" creationId="{85C17603-903F-4571-AFFE-8EEBA83310A8}"/>
          </ac:picMkLst>
        </pc:picChg>
      </pc:sldChg>
      <pc:sldChg chg="addSp delSp modSp new mod">
        <pc:chgData name="Adam Wilson" userId="b8e2e8a2000bddc0" providerId="LiveId" clId="{A95D38A2-743B-422F-85AA-8A2F54BB1846}" dt="2021-09-14T13:00:29.002" v="3367" actId="1076"/>
        <pc:sldMkLst>
          <pc:docMk/>
          <pc:sldMk cId="931185928" sldId="278"/>
        </pc:sldMkLst>
        <pc:spChg chg="del">
          <ac:chgData name="Adam Wilson" userId="b8e2e8a2000bddc0" providerId="LiveId" clId="{A95D38A2-743B-422F-85AA-8A2F54BB1846}" dt="2021-09-14T08:44:58.489" v="2939" actId="478"/>
          <ac:spMkLst>
            <pc:docMk/>
            <pc:sldMk cId="931185928" sldId="278"/>
            <ac:spMk id="2" creationId="{665AAB1E-AFD8-493D-A6A5-114D470FDBD9}"/>
          </ac:spMkLst>
        </pc:spChg>
        <pc:spChg chg="del">
          <ac:chgData name="Adam Wilson" userId="b8e2e8a2000bddc0" providerId="LiveId" clId="{A95D38A2-743B-422F-85AA-8A2F54BB1846}" dt="2021-09-14T08:44:57.293" v="2938" actId="478"/>
          <ac:spMkLst>
            <pc:docMk/>
            <pc:sldMk cId="931185928" sldId="278"/>
            <ac:spMk id="3" creationId="{FA0EE956-3997-4EEE-A012-CDB8779D854D}"/>
          </ac:spMkLst>
        </pc:spChg>
        <pc:picChg chg="add mod">
          <ac:chgData name="Adam Wilson" userId="b8e2e8a2000bddc0" providerId="LiveId" clId="{A95D38A2-743B-422F-85AA-8A2F54BB1846}" dt="2021-09-14T13:00:00.320" v="3363" actId="1076"/>
          <ac:picMkLst>
            <pc:docMk/>
            <pc:sldMk cId="931185928" sldId="278"/>
            <ac:picMk id="3" creationId="{134A0B46-8755-43EA-98DB-E28200FB9134}"/>
          </ac:picMkLst>
        </pc:picChg>
        <pc:picChg chg="add del mod">
          <ac:chgData name="Adam Wilson" userId="b8e2e8a2000bddc0" providerId="LiveId" clId="{A95D38A2-743B-422F-85AA-8A2F54BB1846}" dt="2021-09-14T12:58:42.012" v="3322" actId="478"/>
          <ac:picMkLst>
            <pc:docMk/>
            <pc:sldMk cId="931185928" sldId="278"/>
            <ac:picMk id="5" creationId="{406B7178-39B0-4D6A-BC41-396E6DEBA098}"/>
          </ac:picMkLst>
        </pc:picChg>
        <pc:picChg chg="add del mod">
          <ac:chgData name="Adam Wilson" userId="b8e2e8a2000bddc0" providerId="LiveId" clId="{A95D38A2-743B-422F-85AA-8A2F54BB1846}" dt="2021-09-14T12:58:43.300" v="3323" actId="478"/>
          <ac:picMkLst>
            <pc:docMk/>
            <pc:sldMk cId="931185928" sldId="278"/>
            <ac:picMk id="6" creationId="{0EF546E8-030D-4B7C-9FDF-6CE20B1B6F4E}"/>
          </ac:picMkLst>
        </pc:picChg>
        <pc:picChg chg="add mod">
          <ac:chgData name="Adam Wilson" userId="b8e2e8a2000bddc0" providerId="LiveId" clId="{A95D38A2-743B-422F-85AA-8A2F54BB1846}" dt="2021-09-14T13:00:29.002" v="3367" actId="1076"/>
          <ac:picMkLst>
            <pc:docMk/>
            <pc:sldMk cId="931185928" sldId="278"/>
            <ac:picMk id="8" creationId="{3663125A-D2B3-4CD9-A768-D4B25B3CE7C7}"/>
          </ac:picMkLst>
        </pc:picChg>
      </pc:sldChg>
      <pc:sldChg chg="addSp delSp modSp new mod">
        <pc:chgData name="Adam Wilson" userId="b8e2e8a2000bddc0" providerId="LiveId" clId="{A95D38A2-743B-422F-85AA-8A2F54BB1846}" dt="2021-09-14T08:48:40.059" v="2972" actId="692"/>
        <pc:sldMkLst>
          <pc:docMk/>
          <pc:sldMk cId="3989207433" sldId="279"/>
        </pc:sldMkLst>
        <pc:spChg chg="del">
          <ac:chgData name="Adam Wilson" userId="b8e2e8a2000bddc0" providerId="LiveId" clId="{A95D38A2-743B-422F-85AA-8A2F54BB1846}" dt="2021-09-14T08:46:57.469" v="2947" actId="478"/>
          <ac:spMkLst>
            <pc:docMk/>
            <pc:sldMk cId="3989207433" sldId="279"/>
            <ac:spMk id="2" creationId="{B3A96DFC-03A8-4D9A-8201-0A8A4C66824C}"/>
          </ac:spMkLst>
        </pc:spChg>
        <pc:spChg chg="del">
          <ac:chgData name="Adam Wilson" userId="b8e2e8a2000bddc0" providerId="LiveId" clId="{A95D38A2-743B-422F-85AA-8A2F54BB1846}" dt="2021-09-14T08:46:56.698" v="2946" actId="478"/>
          <ac:spMkLst>
            <pc:docMk/>
            <pc:sldMk cId="3989207433" sldId="279"/>
            <ac:spMk id="3" creationId="{0F28BDC9-0EC1-4477-A1C1-8CF85628CAE0}"/>
          </ac:spMkLst>
        </pc:spChg>
        <pc:picChg chg="add mod modCrop">
          <ac:chgData name="Adam Wilson" userId="b8e2e8a2000bddc0" providerId="LiveId" clId="{A95D38A2-743B-422F-85AA-8A2F54BB1846}" dt="2021-09-14T08:48:03.790" v="2964" actId="1076"/>
          <ac:picMkLst>
            <pc:docMk/>
            <pc:sldMk cId="3989207433" sldId="279"/>
            <ac:picMk id="6" creationId="{47ECBCD1-98C8-4B87-8B57-3B5F4CB4256B}"/>
          </ac:picMkLst>
        </pc:picChg>
        <pc:picChg chg="add mod">
          <ac:chgData name="Adam Wilson" userId="b8e2e8a2000bddc0" providerId="LiveId" clId="{A95D38A2-743B-422F-85AA-8A2F54BB1846}" dt="2021-09-14T08:48:05.221" v="2965" actId="1076"/>
          <ac:picMkLst>
            <pc:docMk/>
            <pc:sldMk cId="3989207433" sldId="279"/>
            <ac:picMk id="8" creationId="{743EF835-C47D-4835-BC7A-786803A66B8A}"/>
          </ac:picMkLst>
        </pc:picChg>
        <pc:cxnChg chg="add mod">
          <ac:chgData name="Adam Wilson" userId="b8e2e8a2000bddc0" providerId="LiveId" clId="{A95D38A2-743B-422F-85AA-8A2F54BB1846}" dt="2021-09-14T08:48:40.059" v="2972" actId="692"/>
          <ac:cxnSpMkLst>
            <pc:docMk/>
            <pc:sldMk cId="3989207433" sldId="279"/>
            <ac:cxnSpMk id="10" creationId="{9AE2F3F4-7377-4A89-A5C9-EA7FCD5A3581}"/>
          </ac:cxnSpMkLst>
        </pc:cxnChg>
      </pc:sldChg>
      <pc:sldChg chg="addSp delSp modSp new mod">
        <pc:chgData name="Adam Wilson" userId="b8e2e8a2000bddc0" providerId="LiveId" clId="{A95D38A2-743B-422F-85AA-8A2F54BB1846}" dt="2021-09-14T10:31:05.041" v="3000" actId="1076"/>
        <pc:sldMkLst>
          <pc:docMk/>
          <pc:sldMk cId="3346646648" sldId="280"/>
        </pc:sldMkLst>
        <pc:spChg chg="del">
          <ac:chgData name="Adam Wilson" userId="b8e2e8a2000bddc0" providerId="LiveId" clId="{A95D38A2-743B-422F-85AA-8A2F54BB1846}" dt="2021-09-14T10:31:01.210" v="2998" actId="478"/>
          <ac:spMkLst>
            <pc:docMk/>
            <pc:sldMk cId="3346646648" sldId="280"/>
            <ac:spMk id="2" creationId="{2E10D260-B5C1-416B-AE79-A68D0A60D79C}"/>
          </ac:spMkLst>
        </pc:spChg>
        <pc:spChg chg="del">
          <ac:chgData name="Adam Wilson" userId="b8e2e8a2000bddc0" providerId="LiveId" clId="{A95D38A2-743B-422F-85AA-8A2F54BB1846}" dt="2021-09-14T10:29:16.465" v="2987" actId="478"/>
          <ac:spMkLst>
            <pc:docMk/>
            <pc:sldMk cId="3346646648" sldId="280"/>
            <ac:spMk id="3" creationId="{3868764D-ACAF-4A95-9C97-163EB3361791}"/>
          </ac:spMkLst>
        </pc:spChg>
        <pc:picChg chg="add mod">
          <ac:chgData name="Adam Wilson" userId="b8e2e8a2000bddc0" providerId="LiveId" clId="{A95D38A2-743B-422F-85AA-8A2F54BB1846}" dt="2021-09-14T10:31:05.041" v="3000" actId="1076"/>
          <ac:picMkLst>
            <pc:docMk/>
            <pc:sldMk cId="3346646648" sldId="280"/>
            <ac:picMk id="6" creationId="{3C34B6F0-58AD-4A03-9A9A-E6DD36A4D3FB}"/>
          </ac:picMkLst>
        </pc:picChg>
        <pc:picChg chg="add mod">
          <ac:chgData name="Adam Wilson" userId="b8e2e8a2000bddc0" providerId="LiveId" clId="{A95D38A2-743B-422F-85AA-8A2F54BB1846}" dt="2021-09-14T10:31:05.041" v="3000" actId="1076"/>
          <ac:picMkLst>
            <pc:docMk/>
            <pc:sldMk cId="3346646648" sldId="280"/>
            <ac:picMk id="8" creationId="{F4836C02-A339-4753-863B-0D0AEEDF46A7}"/>
          </ac:picMkLst>
        </pc:picChg>
      </pc:sldChg>
      <pc:sldChg chg="addSp delSp modSp new mod">
        <pc:chgData name="Adam Wilson" userId="b8e2e8a2000bddc0" providerId="LiveId" clId="{A95D38A2-743B-422F-85AA-8A2F54BB1846}" dt="2021-09-14T10:40:59.889" v="3067" actId="1076"/>
        <pc:sldMkLst>
          <pc:docMk/>
          <pc:sldMk cId="2533163221" sldId="281"/>
        </pc:sldMkLst>
        <pc:spChg chg="mod">
          <ac:chgData name="Adam Wilson" userId="b8e2e8a2000bddc0" providerId="LiveId" clId="{A95D38A2-743B-422F-85AA-8A2F54BB1846}" dt="2021-09-14T10:40:59.889" v="3067" actId="1076"/>
          <ac:spMkLst>
            <pc:docMk/>
            <pc:sldMk cId="2533163221" sldId="281"/>
            <ac:spMk id="2" creationId="{6BDA8D4B-24B6-4020-9ECC-9A028CDD7D19}"/>
          </ac:spMkLst>
        </pc:spChg>
        <pc:spChg chg="del">
          <ac:chgData name="Adam Wilson" userId="b8e2e8a2000bddc0" providerId="LiveId" clId="{A95D38A2-743B-422F-85AA-8A2F54BB1846}" dt="2021-09-14T10:39:49.461" v="3049" actId="478"/>
          <ac:spMkLst>
            <pc:docMk/>
            <pc:sldMk cId="2533163221" sldId="281"/>
            <ac:spMk id="3" creationId="{A4A272E5-FB9C-4A29-B4FB-41F2A30F3483}"/>
          </ac:spMkLst>
        </pc:spChg>
        <pc:picChg chg="add mod">
          <ac:chgData name="Adam Wilson" userId="b8e2e8a2000bddc0" providerId="LiveId" clId="{A95D38A2-743B-422F-85AA-8A2F54BB1846}" dt="2021-09-14T10:40:52.553" v="3063" actId="1076"/>
          <ac:picMkLst>
            <pc:docMk/>
            <pc:sldMk cId="2533163221" sldId="281"/>
            <ac:picMk id="6" creationId="{840652C0-C480-42A2-88C9-41A98E09B9E0}"/>
          </ac:picMkLst>
        </pc:picChg>
        <pc:picChg chg="add mod">
          <ac:chgData name="Adam Wilson" userId="b8e2e8a2000bddc0" providerId="LiveId" clId="{A95D38A2-743B-422F-85AA-8A2F54BB1846}" dt="2021-09-14T10:40:51.490" v="3062" actId="1076"/>
          <ac:picMkLst>
            <pc:docMk/>
            <pc:sldMk cId="2533163221" sldId="281"/>
            <ac:picMk id="8" creationId="{4597B4CA-0E30-4698-948B-E83F99E0DC19}"/>
          </ac:picMkLst>
        </pc:picChg>
        <pc:picChg chg="add del">
          <ac:chgData name="Adam Wilson" userId="b8e2e8a2000bddc0" providerId="LiveId" clId="{A95D38A2-743B-422F-85AA-8A2F54BB1846}" dt="2021-09-14T10:40:14.083" v="3053" actId="22"/>
          <ac:picMkLst>
            <pc:docMk/>
            <pc:sldMk cId="2533163221" sldId="281"/>
            <ac:picMk id="10" creationId="{6ADA13EA-AAF5-450A-9A0A-C65C6CF8BB0D}"/>
          </ac:picMkLst>
        </pc:picChg>
        <pc:picChg chg="add mod">
          <ac:chgData name="Adam Wilson" userId="b8e2e8a2000bddc0" providerId="LiveId" clId="{A95D38A2-743B-422F-85AA-8A2F54BB1846}" dt="2021-09-14T10:40:49.809" v="3061" actId="1076"/>
          <ac:picMkLst>
            <pc:docMk/>
            <pc:sldMk cId="2533163221" sldId="281"/>
            <ac:picMk id="12" creationId="{3B9C1BEB-0ED6-41DE-A36A-DF4EB85ADB0C}"/>
          </ac:picMkLst>
        </pc:picChg>
        <pc:picChg chg="add mod">
          <ac:chgData name="Adam Wilson" userId="b8e2e8a2000bddc0" providerId="LiveId" clId="{A95D38A2-743B-422F-85AA-8A2F54BB1846}" dt="2021-09-14T10:40:48.593" v="3060" actId="1076"/>
          <ac:picMkLst>
            <pc:docMk/>
            <pc:sldMk cId="2533163221" sldId="281"/>
            <ac:picMk id="14" creationId="{BEE8EAEE-A9CA-4BC3-965F-FF57B3C5077B}"/>
          </ac:picMkLst>
        </pc:picChg>
      </pc:sldChg>
      <pc:sldChg chg="addSp delSp modSp new mod">
        <pc:chgData name="Adam Wilson" userId="b8e2e8a2000bddc0" providerId="LiveId" clId="{A95D38A2-743B-422F-85AA-8A2F54BB1846}" dt="2021-09-14T13:35:23.320" v="4087" actId="20577"/>
        <pc:sldMkLst>
          <pc:docMk/>
          <pc:sldMk cId="2427047846" sldId="282"/>
        </pc:sldMkLst>
        <pc:spChg chg="mod">
          <ac:chgData name="Adam Wilson" userId="b8e2e8a2000bddc0" providerId="LiveId" clId="{A95D38A2-743B-422F-85AA-8A2F54BB1846}" dt="2021-09-14T13:34:30.901" v="3960" actId="1076"/>
          <ac:spMkLst>
            <pc:docMk/>
            <pc:sldMk cId="2427047846" sldId="282"/>
            <ac:spMk id="2" creationId="{2D50A480-0447-4E35-8B69-C9AF82688331}"/>
          </ac:spMkLst>
        </pc:spChg>
        <pc:spChg chg="del mod">
          <ac:chgData name="Adam Wilson" userId="b8e2e8a2000bddc0" providerId="LiveId" clId="{A95D38A2-743B-422F-85AA-8A2F54BB1846}" dt="2021-09-14T13:00:39.068" v="3391" actId="478"/>
          <ac:spMkLst>
            <pc:docMk/>
            <pc:sldMk cId="2427047846" sldId="282"/>
            <ac:spMk id="3" creationId="{67626C72-A8E4-413A-802F-23AE2B6535CB}"/>
          </ac:spMkLst>
        </pc:spChg>
        <pc:spChg chg="add mod">
          <ac:chgData name="Adam Wilson" userId="b8e2e8a2000bddc0" providerId="LiveId" clId="{A95D38A2-743B-422F-85AA-8A2F54BB1846}" dt="2021-09-14T13:35:23.320" v="4087" actId="20577"/>
          <ac:spMkLst>
            <pc:docMk/>
            <pc:sldMk cId="2427047846" sldId="282"/>
            <ac:spMk id="10" creationId="{9FA81F59-3B12-41C0-A207-7FDD43B31C4A}"/>
          </ac:spMkLst>
        </pc:spChg>
        <pc:picChg chg="add mod">
          <ac:chgData name="Adam Wilson" userId="b8e2e8a2000bddc0" providerId="LiveId" clId="{A95D38A2-743B-422F-85AA-8A2F54BB1846}" dt="2021-09-14T13:14:43.066" v="3840" actId="1076"/>
          <ac:picMkLst>
            <pc:docMk/>
            <pc:sldMk cId="2427047846" sldId="282"/>
            <ac:picMk id="6" creationId="{FF471CB9-A281-4964-B716-748DF0A1B0AB}"/>
          </ac:picMkLst>
        </pc:picChg>
        <pc:picChg chg="add mod">
          <ac:chgData name="Adam Wilson" userId="b8e2e8a2000bddc0" providerId="LiveId" clId="{A95D38A2-743B-422F-85AA-8A2F54BB1846}" dt="2021-09-14T13:14:39.949" v="3839" actId="1076"/>
          <ac:picMkLst>
            <pc:docMk/>
            <pc:sldMk cId="2427047846" sldId="282"/>
            <ac:picMk id="8" creationId="{5F5E7DE4-702A-449E-BA10-E8E13417651F}"/>
          </ac:picMkLst>
        </pc:picChg>
        <pc:picChg chg="add mod">
          <ac:chgData name="Adam Wilson" userId="b8e2e8a2000bddc0" providerId="LiveId" clId="{A95D38A2-743B-422F-85AA-8A2F54BB1846}" dt="2021-09-14T13:34:39.741" v="3964" actId="1076"/>
          <ac:picMkLst>
            <pc:docMk/>
            <pc:sldMk cId="2427047846" sldId="282"/>
            <ac:picMk id="9" creationId="{91BB51A7-0B6F-440C-B59E-052EAF5E71CB}"/>
          </ac:picMkLst>
        </pc:picChg>
      </pc:sldChg>
      <pc:sldChg chg="addSp delSp modSp new mod">
        <pc:chgData name="Adam Wilson" userId="b8e2e8a2000bddc0" providerId="LiveId" clId="{A95D38A2-743B-422F-85AA-8A2F54BB1846}" dt="2021-09-14T13:10:23.055" v="3794" actId="478"/>
        <pc:sldMkLst>
          <pc:docMk/>
          <pc:sldMk cId="3219383344" sldId="283"/>
        </pc:sldMkLst>
        <pc:spChg chg="del">
          <ac:chgData name="Adam Wilson" userId="b8e2e8a2000bddc0" providerId="LiveId" clId="{A95D38A2-743B-422F-85AA-8A2F54BB1846}" dt="2021-09-14T13:10:23.055" v="3794" actId="478"/>
          <ac:spMkLst>
            <pc:docMk/>
            <pc:sldMk cId="3219383344" sldId="283"/>
            <ac:spMk id="2" creationId="{0498AB74-B57C-40F5-8551-923B34228F3A}"/>
          </ac:spMkLst>
        </pc:spChg>
        <pc:spChg chg="del">
          <ac:chgData name="Adam Wilson" userId="b8e2e8a2000bddc0" providerId="LiveId" clId="{A95D38A2-743B-422F-85AA-8A2F54BB1846}" dt="2021-09-14T13:04:02.158" v="3395" actId="478"/>
          <ac:spMkLst>
            <pc:docMk/>
            <pc:sldMk cId="3219383344" sldId="283"/>
            <ac:spMk id="3" creationId="{369D9A35-FA84-46F6-8799-8FB31B71F85F}"/>
          </ac:spMkLst>
        </pc:spChg>
        <pc:spChg chg="add mod">
          <ac:chgData name="Adam Wilson" userId="b8e2e8a2000bddc0" providerId="LiveId" clId="{A95D38A2-743B-422F-85AA-8A2F54BB1846}" dt="2021-09-14T13:08:48.601" v="3508" actId="1076"/>
          <ac:spMkLst>
            <pc:docMk/>
            <pc:sldMk cId="3219383344" sldId="283"/>
            <ac:spMk id="5" creationId="{26D84BAD-27E3-433F-94FE-10844D309F8F}"/>
          </ac:spMkLst>
        </pc:spChg>
        <pc:spChg chg="add mod">
          <ac:chgData name="Adam Wilson" userId="b8e2e8a2000bddc0" providerId="LiveId" clId="{A95D38A2-743B-422F-85AA-8A2F54BB1846}" dt="2021-09-14T13:08:48.601" v="3508" actId="1076"/>
          <ac:spMkLst>
            <pc:docMk/>
            <pc:sldMk cId="3219383344" sldId="283"/>
            <ac:spMk id="6" creationId="{60C63FAE-29DB-420A-B278-34C49640B561}"/>
          </ac:spMkLst>
        </pc:spChg>
        <pc:spChg chg="add mod">
          <ac:chgData name="Adam Wilson" userId="b8e2e8a2000bddc0" providerId="LiveId" clId="{A95D38A2-743B-422F-85AA-8A2F54BB1846}" dt="2021-09-14T13:08:48.601" v="3508" actId="1076"/>
          <ac:spMkLst>
            <pc:docMk/>
            <pc:sldMk cId="3219383344" sldId="283"/>
            <ac:spMk id="18" creationId="{9DB71DF1-AF14-4AAF-A3DA-4F974FBC98DE}"/>
          </ac:spMkLst>
        </pc:spChg>
        <pc:spChg chg="add mod">
          <ac:chgData name="Adam Wilson" userId="b8e2e8a2000bddc0" providerId="LiveId" clId="{A95D38A2-743B-422F-85AA-8A2F54BB1846}" dt="2021-09-14T13:08:48.601" v="3508" actId="1076"/>
          <ac:spMkLst>
            <pc:docMk/>
            <pc:sldMk cId="3219383344" sldId="283"/>
            <ac:spMk id="22" creationId="{D0D83CA6-206E-436E-9B70-3624596EE963}"/>
          </ac:spMkLst>
        </pc:spChg>
        <pc:spChg chg="add mod">
          <ac:chgData name="Adam Wilson" userId="b8e2e8a2000bddc0" providerId="LiveId" clId="{A95D38A2-743B-422F-85AA-8A2F54BB1846}" dt="2021-09-14T13:10:18.431" v="3793" actId="1076"/>
          <ac:spMkLst>
            <pc:docMk/>
            <pc:sldMk cId="3219383344" sldId="283"/>
            <ac:spMk id="34" creationId="{0C9B5606-55F3-4320-A2F0-706AC4F1038A}"/>
          </ac:spMkLst>
        </pc:spChg>
        <pc:grpChg chg="add del mod">
          <ac:chgData name="Adam Wilson" userId="b8e2e8a2000bddc0" providerId="LiveId" clId="{A95D38A2-743B-422F-85AA-8A2F54BB1846}" dt="2021-09-14T13:07:54.536" v="3430" actId="478"/>
          <ac:grpSpMkLst>
            <pc:docMk/>
            <pc:sldMk cId="3219383344" sldId="283"/>
            <ac:grpSpMk id="19" creationId="{80637A96-68F7-4DA0-885F-8EA9544D92DB}"/>
          </ac:grpSpMkLst>
        </pc:grpChg>
        <pc:grpChg chg="add mod">
          <ac:chgData name="Adam Wilson" userId="b8e2e8a2000bddc0" providerId="LiveId" clId="{A95D38A2-743B-422F-85AA-8A2F54BB1846}" dt="2021-09-14T13:08:48.601" v="3508" actId="1076"/>
          <ac:grpSpMkLst>
            <pc:docMk/>
            <pc:sldMk cId="3219383344" sldId="283"/>
            <ac:grpSpMk id="23" creationId="{C84A8965-2C1A-449D-A584-9626D822E983}"/>
          </ac:grpSpMkLst>
        </pc:grpChg>
        <pc:cxnChg chg="add mod">
          <ac:chgData name="Adam Wilson" userId="b8e2e8a2000bddc0" providerId="LiveId" clId="{A95D38A2-743B-422F-85AA-8A2F54BB1846}" dt="2021-09-14T13:08:48.601" v="3508" actId="1076"/>
          <ac:cxnSpMkLst>
            <pc:docMk/>
            <pc:sldMk cId="3219383344" sldId="283"/>
            <ac:cxnSpMk id="8" creationId="{98CFBF65-A360-498E-AD35-0E4AED5AB394}"/>
          </ac:cxnSpMkLst>
        </pc:cxnChg>
        <pc:cxnChg chg="add mod">
          <ac:chgData name="Adam Wilson" userId="b8e2e8a2000bddc0" providerId="LiveId" clId="{A95D38A2-743B-422F-85AA-8A2F54BB1846}" dt="2021-09-14T13:08:48.601" v="3508" actId="1076"/>
          <ac:cxnSpMkLst>
            <pc:docMk/>
            <pc:sldMk cId="3219383344" sldId="283"/>
            <ac:cxnSpMk id="10" creationId="{A4363F49-E8AF-4AE3-AA2A-55C60E31EFBD}"/>
          </ac:cxnSpMkLst>
        </pc:cxnChg>
        <pc:cxnChg chg="add mod">
          <ac:chgData name="Adam Wilson" userId="b8e2e8a2000bddc0" providerId="LiveId" clId="{A95D38A2-743B-422F-85AA-8A2F54BB1846}" dt="2021-09-14T13:08:48.601" v="3508" actId="1076"/>
          <ac:cxnSpMkLst>
            <pc:docMk/>
            <pc:sldMk cId="3219383344" sldId="283"/>
            <ac:cxnSpMk id="12" creationId="{B9D3CA77-3C4B-424A-A033-2A236CE2FE47}"/>
          </ac:cxnSpMkLst>
        </pc:cxnChg>
        <pc:cxnChg chg="add mod">
          <ac:chgData name="Adam Wilson" userId="b8e2e8a2000bddc0" providerId="LiveId" clId="{A95D38A2-743B-422F-85AA-8A2F54BB1846}" dt="2021-09-14T13:08:48.601" v="3508" actId="1076"/>
          <ac:cxnSpMkLst>
            <pc:docMk/>
            <pc:sldMk cId="3219383344" sldId="283"/>
            <ac:cxnSpMk id="15" creationId="{1E28637F-240D-412C-9A67-AE7952221302}"/>
          </ac:cxnSpMkLst>
        </pc:cxnChg>
        <pc:cxnChg chg="mod">
          <ac:chgData name="Adam Wilson" userId="b8e2e8a2000bddc0" providerId="LiveId" clId="{A95D38A2-743B-422F-85AA-8A2F54BB1846}" dt="2021-09-14T13:05:48.895" v="3414"/>
          <ac:cxnSpMkLst>
            <pc:docMk/>
            <pc:sldMk cId="3219383344" sldId="283"/>
            <ac:cxnSpMk id="20" creationId="{5FD82615-382B-45DA-A2D9-212DC4BD27FB}"/>
          </ac:cxnSpMkLst>
        </pc:cxnChg>
        <pc:cxnChg chg="mod">
          <ac:chgData name="Adam Wilson" userId="b8e2e8a2000bddc0" providerId="LiveId" clId="{A95D38A2-743B-422F-85AA-8A2F54BB1846}" dt="2021-09-14T13:05:48.895" v="3414"/>
          <ac:cxnSpMkLst>
            <pc:docMk/>
            <pc:sldMk cId="3219383344" sldId="283"/>
            <ac:cxnSpMk id="21" creationId="{469E281F-AED4-4A6E-B217-3E8618399A35}"/>
          </ac:cxnSpMkLst>
        </pc:cxnChg>
        <pc:cxnChg chg="mod">
          <ac:chgData name="Adam Wilson" userId="b8e2e8a2000bddc0" providerId="LiveId" clId="{A95D38A2-743B-422F-85AA-8A2F54BB1846}" dt="2021-09-14T13:07:46.045" v="3429" actId="1076"/>
          <ac:cxnSpMkLst>
            <pc:docMk/>
            <pc:sldMk cId="3219383344" sldId="283"/>
            <ac:cxnSpMk id="24" creationId="{EB265DD5-187E-441F-A07F-5E2D8205C949}"/>
          </ac:cxnSpMkLst>
        </pc:cxnChg>
        <pc:cxnChg chg="mod">
          <ac:chgData name="Adam Wilson" userId="b8e2e8a2000bddc0" providerId="LiveId" clId="{A95D38A2-743B-422F-85AA-8A2F54BB1846}" dt="2021-09-14T13:07:46.045" v="3429" actId="1076"/>
          <ac:cxnSpMkLst>
            <pc:docMk/>
            <pc:sldMk cId="3219383344" sldId="283"/>
            <ac:cxnSpMk id="25" creationId="{D8058D46-6E8F-46F4-ABD5-2815C392BA45}"/>
          </ac:cxnSpMkLst>
        </pc:cxnChg>
        <pc:cxnChg chg="add mod">
          <ac:chgData name="Adam Wilson" userId="b8e2e8a2000bddc0" providerId="LiveId" clId="{A95D38A2-743B-422F-85AA-8A2F54BB1846}" dt="2021-09-14T13:08:48.601" v="3508" actId="1076"/>
          <ac:cxnSpMkLst>
            <pc:docMk/>
            <pc:sldMk cId="3219383344" sldId="283"/>
            <ac:cxnSpMk id="27" creationId="{CCEFD218-FAEF-44F9-823B-270B1C762DD7}"/>
          </ac:cxnSpMkLst>
        </pc:cxnChg>
      </pc:sldChg>
      <pc:sldChg chg="addSp delSp modSp add mod">
        <pc:chgData name="Adam Wilson" userId="b8e2e8a2000bddc0" providerId="LiveId" clId="{A95D38A2-743B-422F-85AA-8A2F54BB1846}" dt="2021-09-14T13:32:42.795" v="3898" actId="14100"/>
        <pc:sldMkLst>
          <pc:docMk/>
          <pc:sldMk cId="3530410845" sldId="284"/>
        </pc:sldMkLst>
        <pc:spChg chg="mod">
          <ac:chgData name="Adam Wilson" userId="b8e2e8a2000bddc0" providerId="LiveId" clId="{A95D38A2-743B-422F-85AA-8A2F54BB1846}" dt="2021-09-14T13:10:55.623" v="3827"/>
          <ac:spMkLst>
            <pc:docMk/>
            <pc:sldMk cId="3530410845" sldId="284"/>
            <ac:spMk id="2" creationId="{8566C0B5-5ED1-4CD8-A060-9D1E5A00416B}"/>
          </ac:spMkLst>
        </pc:spChg>
        <pc:spChg chg="add mod">
          <ac:chgData name="Adam Wilson" userId="b8e2e8a2000bddc0" providerId="LiveId" clId="{A95D38A2-743B-422F-85AA-8A2F54BB1846}" dt="2021-09-14T13:32:42.795" v="3898" actId="14100"/>
          <ac:spMkLst>
            <pc:docMk/>
            <pc:sldMk cId="3530410845" sldId="284"/>
            <ac:spMk id="14" creationId="{58C0DA32-B86B-4794-8D77-2168E9B72EF9}"/>
          </ac:spMkLst>
        </pc:spChg>
        <pc:picChg chg="del">
          <ac:chgData name="Adam Wilson" userId="b8e2e8a2000bddc0" providerId="LiveId" clId="{A95D38A2-743B-422F-85AA-8A2F54BB1846}" dt="2021-09-14T13:10:57.947" v="3828" actId="478"/>
          <ac:picMkLst>
            <pc:docMk/>
            <pc:sldMk cId="3530410845" sldId="284"/>
            <ac:picMk id="5" creationId="{4A96F2CD-55B5-47B8-93AA-125FE1A69BDA}"/>
          </ac:picMkLst>
        </pc:picChg>
        <pc:picChg chg="add mod">
          <ac:chgData name="Adam Wilson" userId="b8e2e8a2000bddc0" providerId="LiveId" clId="{A95D38A2-743B-422F-85AA-8A2F54BB1846}" dt="2021-09-14T13:31:27.851" v="3854" actId="1076"/>
          <ac:picMkLst>
            <pc:docMk/>
            <pc:sldMk cId="3530410845" sldId="284"/>
            <ac:picMk id="6" creationId="{62B4AE8F-0156-46B9-9877-9831E4269DE8}"/>
          </ac:picMkLst>
        </pc:picChg>
        <pc:picChg chg="add mod">
          <ac:chgData name="Adam Wilson" userId="b8e2e8a2000bddc0" providerId="LiveId" clId="{A95D38A2-743B-422F-85AA-8A2F54BB1846}" dt="2021-09-14T13:32:01.164" v="3857" actId="1076"/>
          <ac:picMkLst>
            <pc:docMk/>
            <pc:sldMk cId="3530410845" sldId="284"/>
            <ac:picMk id="8" creationId="{7A7A33E0-F9C4-4B4D-923D-9E49634560CF}"/>
          </ac:picMkLst>
        </pc:picChg>
        <pc:picChg chg="del">
          <ac:chgData name="Adam Wilson" userId="b8e2e8a2000bddc0" providerId="LiveId" clId="{A95D38A2-743B-422F-85AA-8A2F54BB1846}" dt="2021-09-14T13:10:57.947" v="3828" actId="478"/>
          <ac:picMkLst>
            <pc:docMk/>
            <pc:sldMk cId="3530410845" sldId="284"/>
            <ac:picMk id="9" creationId="{72159F22-ADF6-424E-860A-D8DD660A6145}"/>
          </ac:picMkLst>
        </pc:picChg>
        <pc:picChg chg="add mod">
          <ac:chgData name="Adam Wilson" userId="b8e2e8a2000bddc0" providerId="LiveId" clId="{A95D38A2-743B-422F-85AA-8A2F54BB1846}" dt="2021-09-14T13:32:16.420" v="3860" actId="1076"/>
          <ac:picMkLst>
            <pc:docMk/>
            <pc:sldMk cId="3530410845" sldId="284"/>
            <ac:picMk id="11" creationId="{F765E7D7-20F8-4C12-B27F-E4C93887CB67}"/>
          </ac:picMkLst>
        </pc:picChg>
        <pc:cxnChg chg="add">
          <ac:chgData name="Adam Wilson" userId="b8e2e8a2000bddc0" providerId="LiveId" clId="{A95D38A2-743B-422F-85AA-8A2F54BB1846}" dt="2021-09-14T13:32:22.751" v="3861" actId="11529"/>
          <ac:cxnSpMkLst>
            <pc:docMk/>
            <pc:sldMk cId="3530410845" sldId="284"/>
            <ac:cxnSpMk id="13" creationId="{5C6A75AB-37D9-4FDA-BDC6-9B694CDE7633}"/>
          </ac:cxnSpMkLst>
        </pc:cxnChg>
      </pc:sldChg>
      <pc:sldChg chg="modSp add del mod">
        <pc:chgData name="Adam Wilson" userId="b8e2e8a2000bddc0" providerId="LiveId" clId="{A95D38A2-743B-422F-85AA-8A2F54BB1846}" dt="2021-09-14T13:33:16.243" v="3907" actId="47"/>
        <pc:sldMkLst>
          <pc:docMk/>
          <pc:sldMk cId="2530216344" sldId="285"/>
        </pc:sldMkLst>
        <pc:spChg chg="mod">
          <ac:chgData name="Adam Wilson" userId="b8e2e8a2000bddc0" providerId="LiveId" clId="{A95D38A2-743B-422F-85AA-8A2F54BB1846}" dt="2021-09-14T13:10:51.517" v="3826" actId="20577"/>
          <ac:spMkLst>
            <pc:docMk/>
            <pc:sldMk cId="2530216344" sldId="285"/>
            <ac:spMk id="2" creationId="{8566C0B5-5ED1-4CD8-A060-9D1E5A00416B}"/>
          </ac:spMkLst>
        </pc:spChg>
      </pc:sldChg>
      <pc:sldChg chg="addSp delSp modSp new mod">
        <pc:chgData name="Adam Wilson" userId="b8e2e8a2000bddc0" providerId="LiveId" clId="{A95D38A2-743B-422F-85AA-8A2F54BB1846}" dt="2021-09-14T13:15:33.703" v="3851" actId="1076"/>
        <pc:sldMkLst>
          <pc:docMk/>
          <pc:sldMk cId="3446533355" sldId="286"/>
        </pc:sldMkLst>
        <pc:spChg chg="del">
          <ac:chgData name="Adam Wilson" userId="b8e2e8a2000bddc0" providerId="LiveId" clId="{A95D38A2-743B-422F-85AA-8A2F54BB1846}" dt="2021-09-14T13:15:03.560" v="3843" actId="478"/>
          <ac:spMkLst>
            <pc:docMk/>
            <pc:sldMk cId="3446533355" sldId="286"/>
            <ac:spMk id="2" creationId="{EDD196BE-A4F1-4510-9BF7-AA67B684EDE4}"/>
          </ac:spMkLst>
        </pc:spChg>
        <pc:spChg chg="del">
          <ac:chgData name="Adam Wilson" userId="b8e2e8a2000bddc0" providerId="LiveId" clId="{A95D38A2-743B-422F-85AA-8A2F54BB1846}" dt="2021-09-14T13:15:02.071" v="3842" actId="478"/>
          <ac:spMkLst>
            <pc:docMk/>
            <pc:sldMk cId="3446533355" sldId="286"/>
            <ac:spMk id="3" creationId="{9AD28B9E-D8F8-4FF1-AEDA-03708BB277FA}"/>
          </ac:spMkLst>
        </pc:spChg>
        <pc:picChg chg="add mod">
          <ac:chgData name="Adam Wilson" userId="b8e2e8a2000bddc0" providerId="LiveId" clId="{A95D38A2-743B-422F-85AA-8A2F54BB1846}" dt="2021-09-14T13:15:11.647" v="3846" actId="1076"/>
          <ac:picMkLst>
            <pc:docMk/>
            <pc:sldMk cId="3446533355" sldId="286"/>
            <ac:picMk id="6" creationId="{90A1D36E-BC1B-46B1-A438-CD4F6145DD6A}"/>
          </ac:picMkLst>
        </pc:picChg>
        <pc:picChg chg="add mod">
          <ac:chgData name="Adam Wilson" userId="b8e2e8a2000bddc0" providerId="LiveId" clId="{A95D38A2-743B-422F-85AA-8A2F54BB1846}" dt="2021-09-14T13:15:33.703" v="3851" actId="1076"/>
          <ac:picMkLst>
            <pc:docMk/>
            <pc:sldMk cId="3446533355" sldId="286"/>
            <ac:picMk id="8" creationId="{8D0EA94D-B311-43EE-AC73-C6C89DCB1483}"/>
          </ac:picMkLst>
        </pc:picChg>
      </pc:sldChg>
      <pc:sldChg chg="addSp delSp modSp new mod">
        <pc:chgData name="Adam Wilson" userId="b8e2e8a2000bddc0" providerId="LiveId" clId="{A95D38A2-743B-422F-85AA-8A2F54BB1846}" dt="2021-09-14T13:33:11.875" v="3906" actId="1076"/>
        <pc:sldMkLst>
          <pc:docMk/>
          <pc:sldMk cId="1399307131" sldId="287"/>
        </pc:sldMkLst>
        <pc:spChg chg="del">
          <ac:chgData name="Adam Wilson" userId="b8e2e8a2000bddc0" providerId="LiveId" clId="{A95D38A2-743B-422F-85AA-8A2F54BB1846}" dt="2021-09-14T13:32:55.724" v="3900" actId="478"/>
          <ac:spMkLst>
            <pc:docMk/>
            <pc:sldMk cId="1399307131" sldId="287"/>
            <ac:spMk id="3" creationId="{43BC75DC-843E-4F8E-96DB-FF0070366BAC}"/>
          </ac:spMkLst>
        </pc:spChg>
        <pc:picChg chg="add mod">
          <ac:chgData name="Adam Wilson" userId="b8e2e8a2000bddc0" providerId="LiveId" clId="{A95D38A2-743B-422F-85AA-8A2F54BB1846}" dt="2021-09-14T13:32:59.643" v="3903" actId="1076"/>
          <ac:picMkLst>
            <pc:docMk/>
            <pc:sldMk cId="1399307131" sldId="287"/>
            <ac:picMk id="6" creationId="{F051EB53-672A-48F7-817C-53581C2DB227}"/>
          </ac:picMkLst>
        </pc:picChg>
        <pc:picChg chg="add mod">
          <ac:chgData name="Adam Wilson" userId="b8e2e8a2000bddc0" providerId="LiveId" clId="{A95D38A2-743B-422F-85AA-8A2F54BB1846}" dt="2021-09-14T13:33:11.875" v="3906" actId="1076"/>
          <ac:picMkLst>
            <pc:docMk/>
            <pc:sldMk cId="1399307131" sldId="287"/>
            <ac:picMk id="8" creationId="{125BC0BA-19F9-4725-8736-6696B157618C}"/>
          </ac:picMkLst>
        </pc:picChg>
      </pc:sldChg>
      <pc:sldChg chg="addSp delSp modSp new mod">
        <pc:chgData name="Adam Wilson" userId="b8e2e8a2000bddc0" providerId="LiveId" clId="{A95D38A2-743B-422F-85AA-8A2F54BB1846}" dt="2021-09-14T13:38:51.805" v="4343" actId="20577"/>
        <pc:sldMkLst>
          <pc:docMk/>
          <pc:sldMk cId="628099766" sldId="288"/>
        </pc:sldMkLst>
        <pc:spChg chg="mod">
          <ac:chgData name="Adam Wilson" userId="b8e2e8a2000bddc0" providerId="LiveId" clId="{A95D38A2-743B-422F-85AA-8A2F54BB1846}" dt="2021-09-14T13:38:51.805" v="4343" actId="20577"/>
          <ac:spMkLst>
            <pc:docMk/>
            <pc:sldMk cId="628099766" sldId="288"/>
            <ac:spMk id="2" creationId="{2FA930B5-C54A-4032-91F6-D4B11486C828}"/>
          </ac:spMkLst>
        </pc:spChg>
        <pc:spChg chg="del">
          <ac:chgData name="Adam Wilson" userId="b8e2e8a2000bddc0" providerId="LiveId" clId="{A95D38A2-743B-422F-85AA-8A2F54BB1846}" dt="2021-09-14T13:36:47.007" v="4089" actId="478"/>
          <ac:spMkLst>
            <pc:docMk/>
            <pc:sldMk cId="628099766" sldId="288"/>
            <ac:spMk id="3" creationId="{37C1452E-D7D9-4003-8C62-F2C3B0F920A7}"/>
          </ac:spMkLst>
        </pc:spChg>
        <pc:spChg chg="add mod">
          <ac:chgData name="Adam Wilson" userId="b8e2e8a2000bddc0" providerId="LiveId" clId="{A95D38A2-743B-422F-85AA-8A2F54BB1846}" dt="2021-09-14T13:38:25.139" v="4337" actId="1076"/>
          <ac:spMkLst>
            <pc:docMk/>
            <pc:sldMk cId="628099766" sldId="288"/>
            <ac:spMk id="9" creationId="{54EDE165-450A-4226-BE62-E975A4DBA626}"/>
          </ac:spMkLst>
        </pc:spChg>
        <pc:picChg chg="add mod">
          <ac:chgData name="Adam Wilson" userId="b8e2e8a2000bddc0" providerId="LiveId" clId="{A95D38A2-743B-422F-85AA-8A2F54BB1846}" dt="2021-09-14T13:36:49.675" v="4091" actId="1076"/>
          <ac:picMkLst>
            <pc:docMk/>
            <pc:sldMk cId="628099766" sldId="288"/>
            <ac:picMk id="6" creationId="{7B8E1797-E2DA-4916-8D9A-76F192BAAE11}"/>
          </ac:picMkLst>
        </pc:picChg>
        <pc:picChg chg="add mod">
          <ac:chgData name="Adam Wilson" userId="b8e2e8a2000bddc0" providerId="LiveId" clId="{A95D38A2-743B-422F-85AA-8A2F54BB1846}" dt="2021-09-14T13:38:27.949" v="4338" actId="1076"/>
          <ac:picMkLst>
            <pc:docMk/>
            <pc:sldMk cId="628099766" sldId="288"/>
            <ac:picMk id="8" creationId="{AA668C79-B4F1-4B1A-BB89-67FCD29E4758}"/>
          </ac:picMkLst>
        </pc:picChg>
      </pc:sldChg>
      <pc:sldChg chg="addSp delSp modSp new mod">
        <pc:chgData name="Adam Wilson" userId="b8e2e8a2000bddc0" providerId="LiveId" clId="{A95D38A2-743B-422F-85AA-8A2F54BB1846}" dt="2021-09-20T07:44:31.483" v="4452" actId="1076"/>
        <pc:sldMkLst>
          <pc:docMk/>
          <pc:sldMk cId="1293462902" sldId="289"/>
        </pc:sldMkLst>
        <pc:spChg chg="mod">
          <ac:chgData name="Adam Wilson" userId="b8e2e8a2000bddc0" providerId="LiveId" clId="{A95D38A2-743B-422F-85AA-8A2F54BB1846}" dt="2021-09-20T07:41:47.503" v="4436" actId="1076"/>
          <ac:spMkLst>
            <pc:docMk/>
            <pc:sldMk cId="1293462902" sldId="289"/>
            <ac:spMk id="2" creationId="{3A474E6D-BDD5-4C01-95F4-B92117EFB38A}"/>
          </ac:spMkLst>
        </pc:spChg>
        <pc:spChg chg="del mod">
          <ac:chgData name="Adam Wilson" userId="b8e2e8a2000bddc0" providerId="LiveId" clId="{A95D38A2-743B-422F-85AA-8A2F54BB1846}" dt="2021-09-20T06:40:28.628" v="4378" actId="478"/>
          <ac:spMkLst>
            <pc:docMk/>
            <pc:sldMk cId="1293462902" sldId="289"/>
            <ac:spMk id="3" creationId="{13F7587C-387F-47B4-AD0E-A12057CD5C75}"/>
          </ac:spMkLst>
        </pc:spChg>
        <pc:picChg chg="add del mod">
          <ac:chgData name="Adam Wilson" userId="b8e2e8a2000bddc0" providerId="LiveId" clId="{A95D38A2-743B-422F-85AA-8A2F54BB1846}" dt="2021-09-20T07:42:13.082" v="4442" actId="478"/>
          <ac:picMkLst>
            <pc:docMk/>
            <pc:sldMk cId="1293462902" sldId="289"/>
            <ac:picMk id="6" creationId="{B4F69D58-7FD2-429C-9925-070B8338160E}"/>
          </ac:picMkLst>
        </pc:picChg>
        <pc:picChg chg="add mod">
          <ac:chgData name="Adam Wilson" userId="b8e2e8a2000bddc0" providerId="LiveId" clId="{A95D38A2-743B-422F-85AA-8A2F54BB1846}" dt="2021-09-20T07:42:26.292" v="4449" actId="1076"/>
          <ac:picMkLst>
            <pc:docMk/>
            <pc:sldMk cId="1293462902" sldId="289"/>
            <ac:picMk id="8" creationId="{CEF7C7D0-42FC-4DE8-B6AB-8E387F682B60}"/>
          </ac:picMkLst>
        </pc:picChg>
        <pc:picChg chg="add mod">
          <ac:chgData name="Adam Wilson" userId="b8e2e8a2000bddc0" providerId="LiveId" clId="{A95D38A2-743B-422F-85AA-8A2F54BB1846}" dt="2021-09-20T07:42:27.444" v="4450" actId="1076"/>
          <ac:picMkLst>
            <pc:docMk/>
            <pc:sldMk cId="1293462902" sldId="289"/>
            <ac:picMk id="10" creationId="{A14DA1C4-F383-498C-B39D-448D7FEACFF0}"/>
          </ac:picMkLst>
        </pc:picChg>
        <pc:picChg chg="add mod">
          <ac:chgData name="Adam Wilson" userId="b8e2e8a2000bddc0" providerId="LiveId" clId="{A95D38A2-743B-422F-85AA-8A2F54BB1846}" dt="2021-09-20T07:44:31.483" v="4452" actId="1076"/>
          <ac:picMkLst>
            <pc:docMk/>
            <pc:sldMk cId="1293462902" sldId="289"/>
            <ac:picMk id="12" creationId="{7CEB7796-FDA4-4B32-956F-0CCBFAD1EA84}"/>
          </ac:picMkLst>
        </pc:picChg>
        <pc:picChg chg="add mod">
          <ac:chgData name="Adam Wilson" userId="b8e2e8a2000bddc0" providerId="LiveId" clId="{A95D38A2-743B-422F-85AA-8A2F54BB1846}" dt="2021-09-20T07:42:18.445" v="4445" actId="1076"/>
          <ac:picMkLst>
            <pc:docMk/>
            <pc:sldMk cId="1293462902" sldId="289"/>
            <ac:picMk id="14" creationId="{706990A8-C80F-43CA-9963-40C93AD789FF}"/>
          </ac:picMkLst>
        </pc:picChg>
      </pc:sldChg>
      <pc:sldChg chg="addSp delSp modSp new mod">
        <pc:chgData name="Adam Wilson" userId="b8e2e8a2000bddc0" providerId="LiveId" clId="{A95D38A2-743B-422F-85AA-8A2F54BB1846}" dt="2021-09-20T08:01:51.612" v="4467" actId="1035"/>
        <pc:sldMkLst>
          <pc:docMk/>
          <pc:sldMk cId="89201661" sldId="290"/>
        </pc:sldMkLst>
        <pc:spChg chg="del mod">
          <ac:chgData name="Adam Wilson" userId="b8e2e8a2000bddc0" providerId="LiveId" clId="{A95D38A2-743B-422F-85AA-8A2F54BB1846}" dt="2021-09-20T07:46:25.263" v="4457" actId="478"/>
          <ac:spMkLst>
            <pc:docMk/>
            <pc:sldMk cId="89201661" sldId="290"/>
            <ac:spMk id="2" creationId="{3B91FF12-46FE-45CA-9DA6-45F3D277ACDD}"/>
          </ac:spMkLst>
        </pc:spChg>
        <pc:spChg chg="del">
          <ac:chgData name="Adam Wilson" userId="b8e2e8a2000bddc0" providerId="LiveId" clId="{A95D38A2-743B-422F-85AA-8A2F54BB1846}" dt="2021-09-20T07:46:20.464" v="4454" actId="478"/>
          <ac:spMkLst>
            <pc:docMk/>
            <pc:sldMk cId="89201661" sldId="290"/>
            <ac:spMk id="3" creationId="{E926A108-6EFB-422B-8E54-90863A0BAABD}"/>
          </ac:spMkLst>
        </pc:spChg>
        <pc:picChg chg="add mod">
          <ac:chgData name="Adam Wilson" userId="b8e2e8a2000bddc0" providerId="LiveId" clId="{A95D38A2-743B-422F-85AA-8A2F54BB1846}" dt="2021-09-20T08:01:51.612" v="4467" actId="1035"/>
          <ac:picMkLst>
            <pc:docMk/>
            <pc:sldMk cId="89201661" sldId="290"/>
            <ac:picMk id="6" creationId="{383CD421-1136-4EFA-AC0C-EA1431159D4E}"/>
          </ac:picMkLst>
        </pc:picChg>
      </pc:sldChg>
      <pc:sldChg chg="modSp new mod">
        <pc:chgData name="Adam Wilson" userId="b8e2e8a2000bddc0" providerId="LiveId" clId="{A95D38A2-743B-422F-85AA-8A2F54BB1846}" dt="2021-10-11T09:10:16.623" v="4686" actId="20577"/>
        <pc:sldMkLst>
          <pc:docMk/>
          <pc:sldMk cId="3876302177" sldId="291"/>
        </pc:sldMkLst>
        <pc:spChg chg="mod">
          <ac:chgData name="Adam Wilson" userId="b8e2e8a2000bddc0" providerId="LiveId" clId="{A95D38A2-743B-422F-85AA-8A2F54BB1846}" dt="2021-10-11T09:10:01.316" v="4635" actId="20577"/>
          <ac:spMkLst>
            <pc:docMk/>
            <pc:sldMk cId="3876302177" sldId="291"/>
            <ac:spMk id="2" creationId="{8EA2A2F7-D223-420B-BB42-4A2112A001BE}"/>
          </ac:spMkLst>
        </pc:spChg>
        <pc:spChg chg="mod">
          <ac:chgData name="Adam Wilson" userId="b8e2e8a2000bddc0" providerId="LiveId" clId="{A95D38A2-743B-422F-85AA-8A2F54BB1846}" dt="2021-10-11T09:10:16.623" v="4686" actId="20577"/>
          <ac:spMkLst>
            <pc:docMk/>
            <pc:sldMk cId="3876302177" sldId="291"/>
            <ac:spMk id="3" creationId="{20B486AF-B8FD-424A-96F3-9EAEF794ABE9}"/>
          </ac:spMkLst>
        </pc:spChg>
      </pc:sldChg>
      <pc:sldChg chg="addSp delSp modSp new mod">
        <pc:chgData name="Adam Wilson" userId="b8e2e8a2000bddc0" providerId="LiveId" clId="{A95D38A2-743B-422F-85AA-8A2F54BB1846}" dt="2021-10-12T06:03:35.007" v="6512" actId="1076"/>
        <pc:sldMkLst>
          <pc:docMk/>
          <pc:sldMk cId="1087597763" sldId="292"/>
        </pc:sldMkLst>
        <pc:spChg chg="mod">
          <ac:chgData name="Adam Wilson" userId="b8e2e8a2000bddc0" providerId="LiveId" clId="{A95D38A2-743B-422F-85AA-8A2F54BB1846}" dt="2021-10-11T09:10:33.747" v="4750" actId="20577"/>
          <ac:spMkLst>
            <pc:docMk/>
            <pc:sldMk cId="1087597763" sldId="292"/>
            <ac:spMk id="2" creationId="{ECF8E288-1080-4913-8E80-23D87CBA3B5F}"/>
          </ac:spMkLst>
        </pc:spChg>
        <pc:spChg chg="del">
          <ac:chgData name="Adam Wilson" userId="b8e2e8a2000bddc0" providerId="LiveId" clId="{A95D38A2-743B-422F-85AA-8A2F54BB1846}" dt="2021-10-11T14:35:05.686" v="6054" actId="478"/>
          <ac:spMkLst>
            <pc:docMk/>
            <pc:sldMk cId="1087597763" sldId="292"/>
            <ac:spMk id="3" creationId="{423F6F4F-E525-46EE-B656-7835955D96D9}"/>
          </ac:spMkLst>
        </pc:spChg>
        <pc:spChg chg="add mod">
          <ac:chgData name="Adam Wilson" userId="b8e2e8a2000bddc0" providerId="LiveId" clId="{A95D38A2-743B-422F-85AA-8A2F54BB1846}" dt="2021-10-11T14:35:06.892" v="6055"/>
          <ac:spMkLst>
            <pc:docMk/>
            <pc:sldMk cId="1087597763" sldId="292"/>
            <ac:spMk id="5" creationId="{B6EBF4FA-538C-4923-A675-AC25303AD0D9}"/>
          </ac:spMkLst>
        </pc:spChg>
        <pc:spChg chg="add mod">
          <ac:chgData name="Adam Wilson" userId="b8e2e8a2000bddc0" providerId="LiveId" clId="{A95D38A2-743B-422F-85AA-8A2F54BB1846}" dt="2021-10-11T14:35:26.790" v="6068" actId="1076"/>
          <ac:spMkLst>
            <pc:docMk/>
            <pc:sldMk cId="1087597763" sldId="292"/>
            <ac:spMk id="7" creationId="{2985759E-7DA0-400D-8D76-BB6EF0554F10}"/>
          </ac:spMkLst>
        </pc:spChg>
        <pc:spChg chg="add mod">
          <ac:chgData name="Adam Wilson" userId="b8e2e8a2000bddc0" providerId="LiveId" clId="{A95D38A2-743B-422F-85AA-8A2F54BB1846}" dt="2021-10-11T14:35:22.950" v="6066" actId="1076"/>
          <ac:spMkLst>
            <pc:docMk/>
            <pc:sldMk cId="1087597763" sldId="292"/>
            <ac:spMk id="8" creationId="{99D980ED-246A-45D3-8472-AB4F5300FC06}"/>
          </ac:spMkLst>
        </pc:spChg>
        <pc:spChg chg="add mod">
          <ac:chgData name="Adam Wilson" userId="b8e2e8a2000bddc0" providerId="LiveId" clId="{A95D38A2-743B-422F-85AA-8A2F54BB1846}" dt="2021-10-11T14:35:06.892" v="6055"/>
          <ac:spMkLst>
            <pc:docMk/>
            <pc:sldMk cId="1087597763" sldId="292"/>
            <ac:spMk id="19" creationId="{01F4C669-AF3E-4E96-A2ED-076FB5094378}"/>
          </ac:spMkLst>
        </pc:spChg>
        <pc:spChg chg="add mod">
          <ac:chgData name="Adam Wilson" userId="b8e2e8a2000bddc0" providerId="LiveId" clId="{A95D38A2-743B-422F-85AA-8A2F54BB1846}" dt="2021-10-11T14:35:06.892" v="6055"/>
          <ac:spMkLst>
            <pc:docMk/>
            <pc:sldMk cId="1087597763" sldId="292"/>
            <ac:spMk id="20" creationId="{F1B12833-0701-429E-8FA1-5E626ABB2EFF}"/>
          </ac:spMkLst>
        </pc:spChg>
        <pc:spChg chg="add mod">
          <ac:chgData name="Adam Wilson" userId="b8e2e8a2000bddc0" providerId="LiveId" clId="{A95D38A2-743B-422F-85AA-8A2F54BB1846}" dt="2021-10-11T14:35:06.892" v="6055"/>
          <ac:spMkLst>
            <pc:docMk/>
            <pc:sldMk cId="1087597763" sldId="292"/>
            <ac:spMk id="21" creationId="{DE680672-2992-4064-8214-8675F8D789A4}"/>
          </ac:spMkLst>
        </pc:spChg>
        <pc:spChg chg="add del">
          <ac:chgData name="Adam Wilson" userId="b8e2e8a2000bddc0" providerId="LiveId" clId="{A95D38A2-743B-422F-85AA-8A2F54BB1846}" dt="2021-10-12T06:03:14.127" v="6509" actId="22"/>
          <ac:spMkLst>
            <pc:docMk/>
            <pc:sldMk cId="1087597763" sldId="292"/>
            <ac:spMk id="22" creationId="{715D80EE-2B39-4A10-8EF7-937AAC8917FA}"/>
          </ac:spMkLst>
        </pc:spChg>
        <pc:grpChg chg="add mod">
          <ac:chgData name="Adam Wilson" userId="b8e2e8a2000bddc0" providerId="LiveId" clId="{A95D38A2-743B-422F-85AA-8A2F54BB1846}" dt="2021-10-11T14:35:24.638" v="6067" actId="1076"/>
          <ac:grpSpMkLst>
            <pc:docMk/>
            <pc:sldMk cId="1087597763" sldId="292"/>
            <ac:grpSpMk id="9" creationId="{EEFA9225-8368-4B34-B9D2-F00F02FEC8DE}"/>
          </ac:grpSpMkLst>
        </pc:grpChg>
        <pc:grpChg chg="add mod">
          <ac:chgData name="Adam Wilson" userId="b8e2e8a2000bddc0" providerId="LiveId" clId="{A95D38A2-743B-422F-85AA-8A2F54BB1846}" dt="2021-10-11T14:35:06.892" v="6055"/>
          <ac:grpSpMkLst>
            <pc:docMk/>
            <pc:sldMk cId="1087597763" sldId="292"/>
            <ac:grpSpMk id="12" creationId="{1D6A95EF-A929-48DF-A9DB-7DCA763AD81B}"/>
          </ac:grpSpMkLst>
        </pc:grpChg>
        <pc:picChg chg="add mod">
          <ac:chgData name="Adam Wilson" userId="b8e2e8a2000bddc0" providerId="LiveId" clId="{A95D38A2-743B-422F-85AA-8A2F54BB1846}" dt="2021-10-12T06:03:35.007" v="6512" actId="1076"/>
          <ac:picMkLst>
            <pc:docMk/>
            <pc:sldMk cId="1087597763" sldId="292"/>
            <ac:picMk id="16" creationId="{66FCE27D-0921-49D5-986C-FC6E8E602748}"/>
          </ac:picMkLst>
        </pc:picChg>
        <pc:picChg chg="add del mod">
          <ac:chgData name="Adam Wilson" userId="b8e2e8a2000bddc0" providerId="LiveId" clId="{A95D38A2-743B-422F-85AA-8A2F54BB1846}" dt="2021-10-11T14:37:46.855" v="6083" actId="478"/>
          <ac:picMkLst>
            <pc:docMk/>
            <pc:sldMk cId="1087597763" sldId="292"/>
            <ac:picMk id="28" creationId="{4C0510FF-B3E1-422C-B4A4-8DF8C4112B10}"/>
          </ac:picMkLst>
        </pc:picChg>
        <pc:picChg chg="add mod">
          <ac:chgData name="Adam Wilson" userId="b8e2e8a2000bddc0" providerId="LiveId" clId="{A95D38A2-743B-422F-85AA-8A2F54BB1846}" dt="2021-10-12T06:03:11.030" v="6507" actId="1076"/>
          <ac:picMkLst>
            <pc:docMk/>
            <pc:sldMk cId="1087597763" sldId="292"/>
            <ac:picMk id="30" creationId="{9B7C87BA-A15D-43B5-8EA6-0FA4DC1DA09D}"/>
          </ac:picMkLst>
        </pc:picChg>
        <pc:cxnChg chg="add mod">
          <ac:chgData name="Adam Wilson" userId="b8e2e8a2000bddc0" providerId="LiveId" clId="{A95D38A2-743B-422F-85AA-8A2F54BB1846}" dt="2021-10-11T14:35:06.892" v="6055"/>
          <ac:cxnSpMkLst>
            <pc:docMk/>
            <pc:sldMk cId="1087597763" sldId="292"/>
            <ac:cxnSpMk id="6" creationId="{8504872E-64F2-473F-AC2C-201E6D30EA47}"/>
          </ac:cxnSpMkLst>
        </pc:cxnChg>
        <pc:cxnChg chg="mod">
          <ac:chgData name="Adam Wilson" userId="b8e2e8a2000bddc0" providerId="LiveId" clId="{A95D38A2-743B-422F-85AA-8A2F54BB1846}" dt="2021-10-11T14:35:24.638" v="6067" actId="1076"/>
          <ac:cxnSpMkLst>
            <pc:docMk/>
            <pc:sldMk cId="1087597763" sldId="292"/>
            <ac:cxnSpMk id="10" creationId="{C51ADD6D-1869-43EC-8F64-04825C66B9D1}"/>
          </ac:cxnSpMkLst>
        </pc:cxnChg>
        <pc:cxnChg chg="mod">
          <ac:chgData name="Adam Wilson" userId="b8e2e8a2000bddc0" providerId="LiveId" clId="{A95D38A2-743B-422F-85AA-8A2F54BB1846}" dt="2021-10-11T14:35:24.638" v="6067" actId="1076"/>
          <ac:cxnSpMkLst>
            <pc:docMk/>
            <pc:sldMk cId="1087597763" sldId="292"/>
            <ac:cxnSpMk id="11" creationId="{E54C99B2-86A4-4ADB-A3D1-6A8554C1ADE1}"/>
          </ac:cxnSpMkLst>
        </pc:cxnChg>
        <pc:cxnChg chg="mod">
          <ac:chgData name="Adam Wilson" userId="b8e2e8a2000bddc0" providerId="LiveId" clId="{A95D38A2-743B-422F-85AA-8A2F54BB1846}" dt="2021-10-11T14:35:06.892" v="6055"/>
          <ac:cxnSpMkLst>
            <pc:docMk/>
            <pc:sldMk cId="1087597763" sldId="292"/>
            <ac:cxnSpMk id="13" creationId="{0520C463-47C8-4411-9A8D-699FC13D51B8}"/>
          </ac:cxnSpMkLst>
        </pc:cxnChg>
        <pc:cxnChg chg="mod">
          <ac:chgData name="Adam Wilson" userId="b8e2e8a2000bddc0" providerId="LiveId" clId="{A95D38A2-743B-422F-85AA-8A2F54BB1846}" dt="2021-10-11T14:35:06.892" v="6055"/>
          <ac:cxnSpMkLst>
            <pc:docMk/>
            <pc:sldMk cId="1087597763" sldId="292"/>
            <ac:cxnSpMk id="14" creationId="{2DB81F22-D371-4E91-AEE1-A103208655E9}"/>
          </ac:cxnSpMkLst>
        </pc:cxnChg>
        <pc:cxnChg chg="add del mod">
          <ac:chgData name="Adam Wilson" userId="b8e2e8a2000bddc0" providerId="LiveId" clId="{A95D38A2-743B-422F-85AA-8A2F54BB1846}" dt="2021-10-11T14:35:10.234" v="6056" actId="478"/>
          <ac:cxnSpMkLst>
            <pc:docMk/>
            <pc:sldMk cId="1087597763" sldId="292"/>
            <ac:cxnSpMk id="15" creationId="{20ACCF29-33A0-4497-9C4F-05432C59DAD8}"/>
          </ac:cxnSpMkLst>
        </pc:cxnChg>
        <pc:cxnChg chg="add del mod">
          <ac:chgData name="Adam Wilson" userId="b8e2e8a2000bddc0" providerId="LiveId" clId="{A95D38A2-743B-422F-85AA-8A2F54BB1846}" dt="2021-10-11T14:35:13.137" v="6058" actId="478"/>
          <ac:cxnSpMkLst>
            <pc:docMk/>
            <pc:sldMk cId="1087597763" sldId="292"/>
            <ac:cxnSpMk id="16" creationId="{2CFABD40-EF45-4FB0-9862-3354B4327E9E}"/>
          </ac:cxnSpMkLst>
        </pc:cxnChg>
        <pc:cxnChg chg="add del mod">
          <ac:chgData name="Adam Wilson" userId="b8e2e8a2000bddc0" providerId="LiveId" clId="{A95D38A2-743B-422F-85AA-8A2F54BB1846}" dt="2021-10-11T14:35:50.710" v="6079" actId="1076"/>
          <ac:cxnSpMkLst>
            <pc:docMk/>
            <pc:sldMk cId="1087597763" sldId="292"/>
            <ac:cxnSpMk id="17" creationId="{F9917B4A-0D33-42E8-9A4A-D747E8397508}"/>
          </ac:cxnSpMkLst>
        </pc:cxnChg>
        <pc:cxnChg chg="add del mod">
          <ac:chgData name="Adam Wilson" userId="b8e2e8a2000bddc0" providerId="LiveId" clId="{A95D38A2-743B-422F-85AA-8A2F54BB1846}" dt="2021-10-11T14:35:12.430" v="6057" actId="478"/>
          <ac:cxnSpMkLst>
            <pc:docMk/>
            <pc:sldMk cId="1087597763" sldId="292"/>
            <ac:cxnSpMk id="18" creationId="{D5A3758E-4E8D-46BE-9691-A15D6E6F5968}"/>
          </ac:cxnSpMkLst>
        </pc:cxnChg>
        <pc:cxnChg chg="add del mod">
          <ac:chgData name="Adam Wilson" userId="b8e2e8a2000bddc0" providerId="LiveId" clId="{A95D38A2-743B-422F-85AA-8A2F54BB1846}" dt="2021-10-11T14:35:33.262" v="6072" actId="478"/>
          <ac:cxnSpMkLst>
            <pc:docMk/>
            <pc:sldMk cId="1087597763" sldId="292"/>
            <ac:cxnSpMk id="23" creationId="{0D093C3C-3F16-4C86-A701-F12341D18828}"/>
          </ac:cxnSpMkLst>
        </pc:cxnChg>
        <pc:cxnChg chg="add del mod">
          <ac:chgData name="Adam Wilson" userId="b8e2e8a2000bddc0" providerId="LiveId" clId="{A95D38A2-743B-422F-85AA-8A2F54BB1846}" dt="2021-10-11T14:35:38.704" v="6075" actId="478"/>
          <ac:cxnSpMkLst>
            <pc:docMk/>
            <pc:sldMk cId="1087597763" sldId="292"/>
            <ac:cxnSpMk id="24" creationId="{1F1D7676-0C2C-4B77-8678-119A55458ED5}"/>
          </ac:cxnSpMkLst>
        </pc:cxnChg>
        <pc:cxnChg chg="add mod">
          <ac:chgData name="Adam Wilson" userId="b8e2e8a2000bddc0" providerId="LiveId" clId="{A95D38A2-743B-422F-85AA-8A2F54BB1846}" dt="2021-10-11T14:35:45.982" v="6078" actId="1076"/>
          <ac:cxnSpMkLst>
            <pc:docMk/>
            <pc:sldMk cId="1087597763" sldId="292"/>
            <ac:cxnSpMk id="26" creationId="{5332A715-8A2C-4934-B760-9A0F81018295}"/>
          </ac:cxnSpMkLst>
        </pc:cxnChg>
      </pc:sldChg>
      <pc:sldChg chg="addSp delSp modSp new mod ord">
        <pc:chgData name="Adam Wilson" userId="b8e2e8a2000bddc0" providerId="LiveId" clId="{A95D38A2-743B-422F-85AA-8A2F54BB1846}" dt="2021-10-11T18:42:15.660" v="6506"/>
        <pc:sldMkLst>
          <pc:docMk/>
          <pc:sldMk cId="931440033" sldId="293"/>
        </pc:sldMkLst>
        <pc:spChg chg="mod">
          <ac:chgData name="Adam Wilson" userId="b8e2e8a2000bddc0" providerId="LiveId" clId="{A95D38A2-743B-422F-85AA-8A2F54BB1846}" dt="2021-10-11T09:10:56.466" v="4802" actId="20577"/>
          <ac:spMkLst>
            <pc:docMk/>
            <pc:sldMk cId="931440033" sldId="293"/>
            <ac:spMk id="2" creationId="{51E767FE-0392-41C1-86A6-815A8AFB600B}"/>
          </ac:spMkLst>
        </pc:spChg>
        <pc:spChg chg="del">
          <ac:chgData name="Adam Wilson" userId="b8e2e8a2000bddc0" providerId="LiveId" clId="{A95D38A2-743B-422F-85AA-8A2F54BB1846}" dt="2021-10-11T18:22:45.533" v="6087" actId="478"/>
          <ac:spMkLst>
            <pc:docMk/>
            <pc:sldMk cId="931440033" sldId="293"/>
            <ac:spMk id="3" creationId="{A08B9D16-DFBE-4BCA-837F-1AC2F0A2FAF6}"/>
          </ac:spMkLst>
        </pc:spChg>
        <pc:spChg chg="add mod">
          <ac:chgData name="Adam Wilson" userId="b8e2e8a2000bddc0" providerId="LiveId" clId="{A95D38A2-743B-422F-85AA-8A2F54BB1846}" dt="2021-10-11T18:25:27.774" v="6248" actId="20577"/>
          <ac:spMkLst>
            <pc:docMk/>
            <pc:sldMk cId="931440033" sldId="293"/>
            <ac:spMk id="7" creationId="{F7DC95E1-8B75-4B93-BE20-67D9378E42EF}"/>
          </ac:spMkLst>
        </pc:spChg>
        <pc:picChg chg="add mod">
          <ac:chgData name="Adam Wilson" userId="b8e2e8a2000bddc0" providerId="LiveId" clId="{A95D38A2-743B-422F-85AA-8A2F54BB1846}" dt="2021-10-11T18:23:12.258" v="6093" actId="1076"/>
          <ac:picMkLst>
            <pc:docMk/>
            <pc:sldMk cId="931440033" sldId="293"/>
            <ac:picMk id="6" creationId="{0AE7DA21-1B7E-4B5E-90FF-45287EDE8AAD}"/>
          </ac:picMkLst>
        </pc:picChg>
      </pc:sldChg>
      <pc:sldChg chg="modSp new mod">
        <pc:chgData name="Adam Wilson" userId="b8e2e8a2000bddc0" providerId="LiveId" clId="{A95D38A2-743B-422F-85AA-8A2F54BB1846}" dt="2021-10-11T12:15:12.563" v="5554" actId="20577"/>
        <pc:sldMkLst>
          <pc:docMk/>
          <pc:sldMk cId="1338548688" sldId="294"/>
        </pc:sldMkLst>
        <pc:spChg chg="mod">
          <ac:chgData name="Adam Wilson" userId="b8e2e8a2000bddc0" providerId="LiveId" clId="{A95D38A2-743B-422F-85AA-8A2F54BB1846}" dt="2021-10-11T09:14:13.493" v="5099" actId="20577"/>
          <ac:spMkLst>
            <pc:docMk/>
            <pc:sldMk cId="1338548688" sldId="294"/>
            <ac:spMk id="2" creationId="{D4D9930E-4CCE-48E1-9C22-912D701172FF}"/>
          </ac:spMkLst>
        </pc:spChg>
        <pc:spChg chg="mod">
          <ac:chgData name="Adam Wilson" userId="b8e2e8a2000bddc0" providerId="LiveId" clId="{A95D38A2-743B-422F-85AA-8A2F54BB1846}" dt="2021-10-11T12:15:12.563" v="5554" actId="20577"/>
          <ac:spMkLst>
            <pc:docMk/>
            <pc:sldMk cId="1338548688" sldId="294"/>
            <ac:spMk id="3" creationId="{A8AE9374-B1D3-4AEB-8750-2F78FE94D467}"/>
          </ac:spMkLst>
        </pc:spChg>
      </pc:sldChg>
      <pc:sldChg chg="addSp delSp modSp new mod ord">
        <pc:chgData name="Adam Wilson" userId="b8e2e8a2000bddc0" providerId="LiveId" clId="{A95D38A2-743B-422F-85AA-8A2F54BB1846}" dt="2021-10-11T18:41:42.340" v="6499" actId="1076"/>
        <pc:sldMkLst>
          <pc:docMk/>
          <pc:sldMk cId="2713933505" sldId="295"/>
        </pc:sldMkLst>
        <pc:spChg chg="mod">
          <ac:chgData name="Adam Wilson" userId="b8e2e8a2000bddc0" providerId="LiveId" clId="{A95D38A2-743B-422F-85AA-8A2F54BB1846}" dt="2021-10-11T14:24:22.772" v="5568" actId="20577"/>
          <ac:spMkLst>
            <pc:docMk/>
            <pc:sldMk cId="2713933505" sldId="295"/>
            <ac:spMk id="2" creationId="{F9D57BED-FCA4-44B4-8FF7-B931AA3E4D41}"/>
          </ac:spMkLst>
        </pc:spChg>
        <pc:spChg chg="del">
          <ac:chgData name="Adam Wilson" userId="b8e2e8a2000bddc0" providerId="LiveId" clId="{A95D38A2-743B-422F-85AA-8A2F54BB1846}" dt="2021-10-11T14:24:25.079" v="5569" actId="22"/>
          <ac:spMkLst>
            <pc:docMk/>
            <pc:sldMk cId="2713933505" sldId="295"/>
            <ac:spMk id="3" creationId="{E0E813A7-70F7-47A8-9CAB-6B6BCC808573}"/>
          </ac:spMkLst>
        </pc:spChg>
        <pc:picChg chg="add mod ord">
          <ac:chgData name="Adam Wilson" userId="b8e2e8a2000bddc0" providerId="LiveId" clId="{A95D38A2-743B-422F-85AA-8A2F54BB1846}" dt="2021-10-11T18:41:42.340" v="6499" actId="1076"/>
          <ac:picMkLst>
            <pc:docMk/>
            <pc:sldMk cId="2713933505" sldId="295"/>
            <ac:picMk id="6" creationId="{7A19AE0C-6507-44F4-A28A-1C3C1F77EC6E}"/>
          </ac:picMkLst>
        </pc:picChg>
        <pc:picChg chg="add mod">
          <ac:chgData name="Adam Wilson" userId="b8e2e8a2000bddc0" providerId="LiveId" clId="{A95D38A2-743B-422F-85AA-8A2F54BB1846}" dt="2021-10-11T18:41:40.746" v="6498" actId="1076"/>
          <ac:picMkLst>
            <pc:docMk/>
            <pc:sldMk cId="2713933505" sldId="295"/>
            <ac:picMk id="8" creationId="{0D425422-45B4-4A5C-B3AC-592C400567A4}"/>
          </ac:picMkLst>
        </pc:picChg>
      </pc:sldChg>
      <pc:sldChg chg="modSp new mod ord">
        <pc:chgData name="Adam Wilson" userId="b8e2e8a2000bddc0" providerId="LiveId" clId="{A95D38A2-743B-422F-85AA-8A2F54BB1846}" dt="2021-10-11T18:42:10.925" v="6504"/>
        <pc:sldMkLst>
          <pc:docMk/>
          <pc:sldMk cId="3815207883" sldId="296"/>
        </pc:sldMkLst>
        <pc:spChg chg="mod">
          <ac:chgData name="Adam Wilson" userId="b8e2e8a2000bddc0" providerId="LiveId" clId="{A95D38A2-743B-422F-85AA-8A2F54BB1846}" dt="2021-10-11T14:26:19.542" v="5587" actId="20577"/>
          <ac:spMkLst>
            <pc:docMk/>
            <pc:sldMk cId="3815207883" sldId="296"/>
            <ac:spMk id="2" creationId="{58FABDB3-CEE3-4B28-91E3-01F2BD9DEC54}"/>
          </ac:spMkLst>
        </pc:spChg>
        <pc:spChg chg="mod">
          <ac:chgData name="Adam Wilson" userId="b8e2e8a2000bddc0" providerId="LiveId" clId="{A95D38A2-743B-422F-85AA-8A2F54BB1846}" dt="2021-10-11T18:42:03.493" v="6502" actId="20577"/>
          <ac:spMkLst>
            <pc:docMk/>
            <pc:sldMk cId="3815207883" sldId="296"/>
            <ac:spMk id="3" creationId="{171F9808-5A7E-42D1-9F5E-7440FFA5D5E2}"/>
          </ac:spMkLst>
        </pc:spChg>
      </pc:sldChg>
      <pc:sldChg chg="addSp delSp modSp new mod">
        <pc:chgData name="Adam Wilson" userId="b8e2e8a2000bddc0" providerId="LiveId" clId="{A95D38A2-743B-422F-85AA-8A2F54BB1846}" dt="2021-10-24T08:30:59.587" v="6524" actId="1076"/>
        <pc:sldMkLst>
          <pc:docMk/>
          <pc:sldMk cId="339444978" sldId="297"/>
        </pc:sldMkLst>
        <pc:spChg chg="mod">
          <ac:chgData name="Adam Wilson" userId="b8e2e8a2000bddc0" providerId="LiveId" clId="{A95D38A2-743B-422F-85AA-8A2F54BB1846}" dt="2021-10-24T08:27:38.690" v="6517" actId="20577"/>
          <ac:spMkLst>
            <pc:docMk/>
            <pc:sldMk cId="339444978" sldId="297"/>
            <ac:spMk id="2" creationId="{0DCD2CA5-0D4A-4553-9C36-DEE7A8E5FAAB}"/>
          </ac:spMkLst>
        </pc:spChg>
        <pc:spChg chg="del">
          <ac:chgData name="Adam Wilson" userId="b8e2e8a2000bddc0" providerId="LiveId" clId="{A95D38A2-743B-422F-85AA-8A2F54BB1846}" dt="2021-10-24T08:30:23.769" v="6518" actId="478"/>
          <ac:spMkLst>
            <pc:docMk/>
            <pc:sldMk cId="339444978" sldId="297"/>
            <ac:spMk id="3" creationId="{6E187D5F-84F7-426A-ACDE-34111001D2F1}"/>
          </ac:spMkLst>
        </pc:spChg>
        <pc:picChg chg="add mod">
          <ac:chgData name="Adam Wilson" userId="b8e2e8a2000bddc0" providerId="LiveId" clId="{A95D38A2-743B-422F-85AA-8A2F54BB1846}" dt="2021-10-24T08:30:54.597" v="6521" actId="14100"/>
          <ac:picMkLst>
            <pc:docMk/>
            <pc:sldMk cId="339444978" sldId="297"/>
            <ac:picMk id="6" creationId="{1A25A791-9D14-4286-AB31-98CF04DA699B}"/>
          </ac:picMkLst>
        </pc:picChg>
        <pc:picChg chg="add mod">
          <ac:chgData name="Adam Wilson" userId="b8e2e8a2000bddc0" providerId="LiveId" clId="{A95D38A2-743B-422F-85AA-8A2F54BB1846}" dt="2021-10-24T08:30:59.587" v="6524" actId="1076"/>
          <ac:picMkLst>
            <pc:docMk/>
            <pc:sldMk cId="339444978" sldId="297"/>
            <ac:picMk id="8" creationId="{53539AC7-E52C-415F-8397-B275ED8DC923}"/>
          </ac:picMkLst>
        </pc:picChg>
      </pc:sldChg>
      <pc:sldChg chg="addSp delSp modSp new mod">
        <pc:chgData name="Adam Wilson" userId="b8e2e8a2000bddc0" providerId="LiveId" clId="{A95D38A2-743B-422F-85AA-8A2F54BB1846}" dt="2021-10-24T08:31:24.385" v="6531" actId="1076"/>
        <pc:sldMkLst>
          <pc:docMk/>
          <pc:sldMk cId="2714288489" sldId="298"/>
        </pc:sldMkLst>
        <pc:spChg chg="mod">
          <ac:chgData name="Adam Wilson" userId="b8e2e8a2000bddc0" providerId="LiveId" clId="{A95D38A2-743B-422F-85AA-8A2F54BB1846}" dt="2021-10-24T08:31:17.734" v="6528" actId="20577"/>
          <ac:spMkLst>
            <pc:docMk/>
            <pc:sldMk cId="2714288489" sldId="298"/>
            <ac:spMk id="2" creationId="{DC2C6323-4466-46BD-8B13-08A78AEE5A64}"/>
          </ac:spMkLst>
        </pc:spChg>
        <pc:spChg chg="del">
          <ac:chgData name="Adam Wilson" userId="b8e2e8a2000bddc0" providerId="LiveId" clId="{A95D38A2-743B-422F-85AA-8A2F54BB1846}" dt="2021-10-24T08:31:19.415" v="6529" actId="478"/>
          <ac:spMkLst>
            <pc:docMk/>
            <pc:sldMk cId="2714288489" sldId="298"/>
            <ac:spMk id="3" creationId="{89C304CA-4040-4D35-960A-23F198CB82C1}"/>
          </ac:spMkLst>
        </pc:spChg>
        <pc:picChg chg="add mod">
          <ac:chgData name="Adam Wilson" userId="b8e2e8a2000bddc0" providerId="LiveId" clId="{A95D38A2-743B-422F-85AA-8A2F54BB1846}" dt="2021-10-24T08:31:24.385" v="6531" actId="1076"/>
          <ac:picMkLst>
            <pc:docMk/>
            <pc:sldMk cId="2714288489" sldId="298"/>
            <ac:picMk id="6" creationId="{07B96D58-33F2-4A12-BD9A-263EBEA9E7C6}"/>
          </ac:picMkLst>
        </pc:picChg>
      </pc:sldChg>
      <pc:sldChg chg="addSp delSp modSp new mod">
        <pc:chgData name="Adam Wilson" userId="b8e2e8a2000bddc0" providerId="LiveId" clId="{A95D38A2-743B-422F-85AA-8A2F54BB1846}" dt="2021-10-24T08:32:14.467" v="6551" actId="1076"/>
        <pc:sldMkLst>
          <pc:docMk/>
          <pc:sldMk cId="697435785" sldId="299"/>
        </pc:sldMkLst>
        <pc:spChg chg="mod">
          <ac:chgData name="Adam Wilson" userId="b8e2e8a2000bddc0" providerId="LiveId" clId="{A95D38A2-743B-422F-85AA-8A2F54BB1846}" dt="2021-10-24T08:32:01.585" v="6547" actId="20577"/>
          <ac:spMkLst>
            <pc:docMk/>
            <pc:sldMk cId="697435785" sldId="299"/>
            <ac:spMk id="2" creationId="{C5B27426-4DC8-4E33-8E4F-CAAF04A982AB}"/>
          </ac:spMkLst>
        </pc:spChg>
        <pc:spChg chg="del">
          <ac:chgData name="Adam Wilson" userId="b8e2e8a2000bddc0" providerId="LiveId" clId="{A95D38A2-743B-422F-85AA-8A2F54BB1846}" dt="2021-10-24T08:32:03.552" v="6548" actId="478"/>
          <ac:spMkLst>
            <pc:docMk/>
            <pc:sldMk cId="697435785" sldId="299"/>
            <ac:spMk id="3" creationId="{B74DEA41-BE41-4FEC-9B37-FDBFCA68767F}"/>
          </ac:spMkLst>
        </pc:spChg>
        <pc:picChg chg="add mod">
          <ac:chgData name="Adam Wilson" userId="b8e2e8a2000bddc0" providerId="LiveId" clId="{A95D38A2-743B-422F-85AA-8A2F54BB1846}" dt="2021-10-24T08:32:14.467" v="6551" actId="1076"/>
          <ac:picMkLst>
            <pc:docMk/>
            <pc:sldMk cId="697435785" sldId="299"/>
            <ac:picMk id="6" creationId="{A60CDB95-7659-40F3-85D6-CFC8BA6EAADD}"/>
          </ac:picMkLst>
        </pc:picChg>
      </pc:sldChg>
      <pc:sldChg chg="modSp new mod">
        <pc:chgData name="Adam Wilson" userId="b8e2e8a2000bddc0" providerId="LiveId" clId="{A95D38A2-743B-422F-85AA-8A2F54BB1846}" dt="2021-10-24T09:34:18.793" v="6817" actId="20577"/>
        <pc:sldMkLst>
          <pc:docMk/>
          <pc:sldMk cId="3885912325" sldId="300"/>
        </pc:sldMkLst>
        <pc:spChg chg="mod">
          <ac:chgData name="Adam Wilson" userId="b8e2e8a2000bddc0" providerId="LiveId" clId="{A95D38A2-743B-422F-85AA-8A2F54BB1846}" dt="2021-10-24T08:33:06.442" v="6592" actId="20577"/>
          <ac:spMkLst>
            <pc:docMk/>
            <pc:sldMk cId="3885912325" sldId="300"/>
            <ac:spMk id="2" creationId="{270380DC-4B8A-458C-A686-54616BC59890}"/>
          </ac:spMkLst>
        </pc:spChg>
        <pc:spChg chg="mod">
          <ac:chgData name="Adam Wilson" userId="b8e2e8a2000bddc0" providerId="LiveId" clId="{A95D38A2-743B-422F-85AA-8A2F54BB1846}" dt="2021-10-24T09:34:18.793" v="6817" actId="20577"/>
          <ac:spMkLst>
            <pc:docMk/>
            <pc:sldMk cId="3885912325" sldId="300"/>
            <ac:spMk id="3" creationId="{1710268F-2A09-4D09-AA0E-3884FB96C7D5}"/>
          </ac:spMkLst>
        </pc:spChg>
      </pc:sldChg>
    </pc:docChg>
  </pc:docChgLst>
  <pc:docChgLst>
    <pc:chgData name="Adam Wilson" userId="b8e2e8a2000bddc0" providerId="LiveId" clId="{036C9C17-9EBF-4DFB-8A17-20B1A844E82A}"/>
    <pc:docChg chg="undo custSel addSld modSld">
      <pc:chgData name="Adam Wilson" userId="b8e2e8a2000bddc0" providerId="LiveId" clId="{036C9C17-9EBF-4DFB-8A17-20B1A844E82A}" dt="2021-11-09T10:28:45.955" v="428" actId="1076"/>
      <pc:docMkLst>
        <pc:docMk/>
      </pc:docMkLst>
      <pc:sldChg chg="addSp delSp modSp new mod">
        <pc:chgData name="Adam Wilson" userId="b8e2e8a2000bddc0" providerId="LiveId" clId="{036C9C17-9EBF-4DFB-8A17-20B1A844E82A}" dt="2021-11-06T14:09:29.525" v="72" actId="1076"/>
        <pc:sldMkLst>
          <pc:docMk/>
          <pc:sldMk cId="2075750977" sldId="301"/>
        </pc:sldMkLst>
        <pc:spChg chg="mod">
          <ac:chgData name="Adam Wilson" userId="b8e2e8a2000bddc0" providerId="LiveId" clId="{036C9C17-9EBF-4DFB-8A17-20B1A844E82A}" dt="2021-11-06T14:09:04.998" v="66" actId="20577"/>
          <ac:spMkLst>
            <pc:docMk/>
            <pc:sldMk cId="2075750977" sldId="301"/>
            <ac:spMk id="2" creationId="{99E9A5DE-E703-418E-8518-819F5F1FB2F8}"/>
          </ac:spMkLst>
        </pc:spChg>
        <pc:spChg chg="del">
          <ac:chgData name="Adam Wilson" userId="b8e2e8a2000bddc0" providerId="LiveId" clId="{036C9C17-9EBF-4DFB-8A17-20B1A844E82A}" dt="2021-11-06T14:09:07.751" v="67" actId="478"/>
          <ac:spMkLst>
            <pc:docMk/>
            <pc:sldMk cId="2075750977" sldId="301"/>
            <ac:spMk id="3" creationId="{97CE1B83-50D6-4602-9004-BBC33C8A33B7}"/>
          </ac:spMkLst>
        </pc:spChg>
        <pc:picChg chg="add mod">
          <ac:chgData name="Adam Wilson" userId="b8e2e8a2000bddc0" providerId="LiveId" clId="{036C9C17-9EBF-4DFB-8A17-20B1A844E82A}" dt="2021-11-06T14:09:14.599" v="70" actId="1076"/>
          <ac:picMkLst>
            <pc:docMk/>
            <pc:sldMk cId="2075750977" sldId="301"/>
            <ac:picMk id="6" creationId="{25C6305A-B8FF-455B-B970-69447D58FD7F}"/>
          </ac:picMkLst>
        </pc:picChg>
        <pc:picChg chg="add mod">
          <ac:chgData name="Adam Wilson" userId="b8e2e8a2000bddc0" providerId="LiveId" clId="{036C9C17-9EBF-4DFB-8A17-20B1A844E82A}" dt="2021-11-06T14:09:29.525" v="72" actId="1076"/>
          <ac:picMkLst>
            <pc:docMk/>
            <pc:sldMk cId="2075750977" sldId="301"/>
            <ac:picMk id="8" creationId="{4E2B9776-F2D4-4970-BD90-74755867C154}"/>
          </ac:picMkLst>
        </pc:picChg>
      </pc:sldChg>
      <pc:sldChg chg="addSp delSp modSp new mod">
        <pc:chgData name="Adam Wilson" userId="b8e2e8a2000bddc0" providerId="LiveId" clId="{036C9C17-9EBF-4DFB-8A17-20B1A844E82A}" dt="2021-11-06T14:11:11.571" v="201" actId="20577"/>
        <pc:sldMkLst>
          <pc:docMk/>
          <pc:sldMk cId="3337872508" sldId="302"/>
        </pc:sldMkLst>
        <pc:spChg chg="mod">
          <ac:chgData name="Adam Wilson" userId="b8e2e8a2000bddc0" providerId="LiveId" clId="{036C9C17-9EBF-4DFB-8A17-20B1A844E82A}" dt="2021-11-06T14:11:11.571" v="201" actId="20577"/>
          <ac:spMkLst>
            <pc:docMk/>
            <pc:sldMk cId="3337872508" sldId="302"/>
            <ac:spMk id="2" creationId="{E564921E-8048-4146-A964-A2E8CA4322DF}"/>
          </ac:spMkLst>
        </pc:spChg>
        <pc:spChg chg="del">
          <ac:chgData name="Adam Wilson" userId="b8e2e8a2000bddc0" providerId="LiveId" clId="{036C9C17-9EBF-4DFB-8A17-20B1A844E82A}" dt="2021-11-06T14:10:56.440" v="193" actId="478"/>
          <ac:spMkLst>
            <pc:docMk/>
            <pc:sldMk cId="3337872508" sldId="302"/>
            <ac:spMk id="3" creationId="{C7BF59D2-9953-4AF8-874A-804B75729CE0}"/>
          </ac:spMkLst>
        </pc:spChg>
        <pc:picChg chg="add mod">
          <ac:chgData name="Adam Wilson" userId="b8e2e8a2000bddc0" providerId="LiveId" clId="{036C9C17-9EBF-4DFB-8A17-20B1A844E82A}" dt="2021-11-06T14:11:09.360" v="197" actId="1076"/>
          <ac:picMkLst>
            <pc:docMk/>
            <pc:sldMk cId="3337872508" sldId="302"/>
            <ac:picMk id="6" creationId="{456F3A66-A7BC-4F3E-BBAD-792EC5EE137E}"/>
          </ac:picMkLst>
        </pc:picChg>
      </pc:sldChg>
      <pc:sldChg chg="addSp delSp modSp new mod">
        <pc:chgData name="Adam Wilson" userId="b8e2e8a2000bddc0" providerId="LiveId" clId="{036C9C17-9EBF-4DFB-8A17-20B1A844E82A}" dt="2021-11-06T14:13:16.477" v="207" actId="1076"/>
        <pc:sldMkLst>
          <pc:docMk/>
          <pc:sldMk cId="2636097950" sldId="303"/>
        </pc:sldMkLst>
        <pc:spChg chg="mod">
          <ac:chgData name="Adam Wilson" userId="b8e2e8a2000bddc0" providerId="LiveId" clId="{036C9C17-9EBF-4DFB-8A17-20B1A844E82A}" dt="2021-11-06T14:10:17.497" v="146" actId="20577"/>
          <ac:spMkLst>
            <pc:docMk/>
            <pc:sldMk cId="2636097950" sldId="303"/>
            <ac:spMk id="2" creationId="{5EF9CA22-835F-496A-ACA4-D12FABAA2766}"/>
          </ac:spMkLst>
        </pc:spChg>
        <pc:spChg chg="del mod">
          <ac:chgData name="Adam Wilson" userId="b8e2e8a2000bddc0" providerId="LiveId" clId="{036C9C17-9EBF-4DFB-8A17-20B1A844E82A}" dt="2021-11-06T14:12:59.548" v="203" actId="478"/>
          <ac:spMkLst>
            <pc:docMk/>
            <pc:sldMk cId="2636097950" sldId="303"/>
            <ac:spMk id="3" creationId="{89369865-D8DC-4F8B-A4D8-0D7A573B8C76}"/>
          </ac:spMkLst>
        </pc:spChg>
        <pc:picChg chg="add mod">
          <ac:chgData name="Adam Wilson" userId="b8e2e8a2000bddc0" providerId="LiveId" clId="{036C9C17-9EBF-4DFB-8A17-20B1A844E82A}" dt="2021-11-06T14:13:04.438" v="205" actId="1076"/>
          <ac:picMkLst>
            <pc:docMk/>
            <pc:sldMk cId="2636097950" sldId="303"/>
            <ac:picMk id="6" creationId="{7AC21FC0-EB1B-473F-8AC6-A4043B05B77A}"/>
          </ac:picMkLst>
        </pc:picChg>
        <pc:picChg chg="add mod">
          <ac:chgData name="Adam Wilson" userId="b8e2e8a2000bddc0" providerId="LiveId" clId="{036C9C17-9EBF-4DFB-8A17-20B1A844E82A}" dt="2021-11-06T14:13:16.477" v="207" actId="1076"/>
          <ac:picMkLst>
            <pc:docMk/>
            <pc:sldMk cId="2636097950" sldId="303"/>
            <ac:picMk id="8" creationId="{0BA03962-0A8E-4693-9C0F-4ACBAD7942E4}"/>
          </ac:picMkLst>
        </pc:picChg>
      </pc:sldChg>
      <pc:sldChg chg="addSp delSp modSp new mod">
        <pc:chgData name="Adam Wilson" userId="b8e2e8a2000bddc0" providerId="LiveId" clId="{036C9C17-9EBF-4DFB-8A17-20B1A844E82A}" dt="2021-11-06T14:14:41.970" v="210" actId="1076"/>
        <pc:sldMkLst>
          <pc:docMk/>
          <pc:sldMk cId="1644811799" sldId="304"/>
        </pc:sldMkLst>
        <pc:spChg chg="mod">
          <ac:chgData name="Adam Wilson" userId="b8e2e8a2000bddc0" providerId="LiveId" clId="{036C9C17-9EBF-4DFB-8A17-20B1A844E82A}" dt="2021-11-06T14:10:27.635" v="192" actId="20577"/>
          <ac:spMkLst>
            <pc:docMk/>
            <pc:sldMk cId="1644811799" sldId="304"/>
            <ac:spMk id="2" creationId="{3F529F2C-DC50-49D8-B6A0-4BBE004ED378}"/>
          </ac:spMkLst>
        </pc:spChg>
        <pc:spChg chg="del">
          <ac:chgData name="Adam Wilson" userId="b8e2e8a2000bddc0" providerId="LiveId" clId="{036C9C17-9EBF-4DFB-8A17-20B1A844E82A}" dt="2021-11-06T14:14:39.477" v="208" actId="478"/>
          <ac:spMkLst>
            <pc:docMk/>
            <pc:sldMk cId="1644811799" sldId="304"/>
            <ac:spMk id="3" creationId="{494D2005-4FBE-4540-B35A-85FFAF9A4671}"/>
          </ac:spMkLst>
        </pc:spChg>
        <pc:picChg chg="add mod">
          <ac:chgData name="Adam Wilson" userId="b8e2e8a2000bddc0" providerId="LiveId" clId="{036C9C17-9EBF-4DFB-8A17-20B1A844E82A}" dt="2021-11-06T14:14:41.970" v="210" actId="1076"/>
          <ac:picMkLst>
            <pc:docMk/>
            <pc:sldMk cId="1644811799" sldId="304"/>
            <ac:picMk id="6" creationId="{605CD50D-EA2F-437B-9A74-B4ECB9302D63}"/>
          </ac:picMkLst>
        </pc:picChg>
      </pc:sldChg>
      <pc:sldChg chg="addSp delSp modSp new mod">
        <pc:chgData name="Adam Wilson" userId="b8e2e8a2000bddc0" providerId="LiveId" clId="{036C9C17-9EBF-4DFB-8A17-20B1A844E82A}" dt="2021-11-06T14:53:44.760" v="265" actId="1076"/>
        <pc:sldMkLst>
          <pc:docMk/>
          <pc:sldMk cId="4137043424" sldId="305"/>
        </pc:sldMkLst>
        <pc:spChg chg="mod">
          <ac:chgData name="Adam Wilson" userId="b8e2e8a2000bddc0" providerId="LiveId" clId="{036C9C17-9EBF-4DFB-8A17-20B1A844E82A}" dt="2021-11-06T14:53:34.968" v="259" actId="20577"/>
          <ac:spMkLst>
            <pc:docMk/>
            <pc:sldMk cId="4137043424" sldId="305"/>
            <ac:spMk id="2" creationId="{701ADCF7-BF9B-426E-A5F2-6145A8E8F68E}"/>
          </ac:spMkLst>
        </pc:spChg>
        <pc:spChg chg="del">
          <ac:chgData name="Adam Wilson" userId="b8e2e8a2000bddc0" providerId="LiveId" clId="{036C9C17-9EBF-4DFB-8A17-20B1A844E82A}" dt="2021-11-06T14:53:37.504" v="260" actId="478"/>
          <ac:spMkLst>
            <pc:docMk/>
            <pc:sldMk cId="4137043424" sldId="305"/>
            <ac:spMk id="3" creationId="{112AFE36-5579-4082-BDEC-6CFF98C64F2E}"/>
          </ac:spMkLst>
        </pc:spChg>
        <pc:picChg chg="add mod">
          <ac:chgData name="Adam Wilson" userId="b8e2e8a2000bddc0" providerId="LiveId" clId="{036C9C17-9EBF-4DFB-8A17-20B1A844E82A}" dt="2021-11-06T14:53:44.760" v="265" actId="1076"/>
          <ac:picMkLst>
            <pc:docMk/>
            <pc:sldMk cId="4137043424" sldId="305"/>
            <ac:picMk id="6" creationId="{F2A0C9E7-44DE-4D2B-8C59-73337C4D85BB}"/>
          </ac:picMkLst>
        </pc:picChg>
      </pc:sldChg>
      <pc:sldChg chg="addSp delSp modSp new mod">
        <pc:chgData name="Adam Wilson" userId="b8e2e8a2000bddc0" providerId="LiveId" clId="{036C9C17-9EBF-4DFB-8A17-20B1A844E82A}" dt="2021-11-09T10:28:45.955" v="428" actId="1076"/>
        <pc:sldMkLst>
          <pc:docMk/>
          <pc:sldMk cId="1199683896" sldId="306"/>
        </pc:sldMkLst>
        <pc:spChg chg="mod">
          <ac:chgData name="Adam Wilson" userId="b8e2e8a2000bddc0" providerId="LiveId" clId="{036C9C17-9EBF-4DFB-8A17-20B1A844E82A}" dt="2021-11-06T15:25:33.373" v="296" actId="20577"/>
          <ac:spMkLst>
            <pc:docMk/>
            <pc:sldMk cId="1199683896" sldId="306"/>
            <ac:spMk id="2" creationId="{5EBECFD4-696E-4D3D-99BB-A1B4656019D7}"/>
          </ac:spMkLst>
        </pc:spChg>
        <pc:spChg chg="del">
          <ac:chgData name="Adam Wilson" userId="b8e2e8a2000bddc0" providerId="LiveId" clId="{036C9C17-9EBF-4DFB-8A17-20B1A844E82A}" dt="2021-11-06T15:25:36.003" v="297" actId="478"/>
          <ac:spMkLst>
            <pc:docMk/>
            <pc:sldMk cId="1199683896" sldId="306"/>
            <ac:spMk id="3" creationId="{C2360C8E-7756-46BC-B1EF-3E8614FD22EC}"/>
          </ac:spMkLst>
        </pc:spChg>
        <pc:picChg chg="add mod">
          <ac:chgData name="Adam Wilson" userId="b8e2e8a2000bddc0" providerId="LiveId" clId="{036C9C17-9EBF-4DFB-8A17-20B1A844E82A}" dt="2021-11-09T10:27:52.615" v="423" actId="1076"/>
          <ac:picMkLst>
            <pc:docMk/>
            <pc:sldMk cId="1199683896" sldId="306"/>
            <ac:picMk id="5" creationId="{50349757-AB24-4463-9115-8596B6D2E25E}"/>
          </ac:picMkLst>
        </pc:picChg>
        <pc:picChg chg="add del mod">
          <ac:chgData name="Adam Wilson" userId="b8e2e8a2000bddc0" providerId="LiveId" clId="{036C9C17-9EBF-4DFB-8A17-20B1A844E82A}" dt="2021-11-09T10:24:29.839" v="414" actId="478"/>
          <ac:picMkLst>
            <pc:docMk/>
            <pc:sldMk cId="1199683896" sldId="306"/>
            <ac:picMk id="6" creationId="{02EC72E1-0073-4D1B-B79D-D5F5A3D70634}"/>
          </ac:picMkLst>
        </pc:picChg>
        <pc:picChg chg="add del mod">
          <ac:chgData name="Adam Wilson" userId="b8e2e8a2000bddc0" providerId="LiveId" clId="{036C9C17-9EBF-4DFB-8A17-20B1A844E82A}" dt="2021-11-09T10:28:39.398" v="424" actId="478"/>
          <ac:picMkLst>
            <pc:docMk/>
            <pc:sldMk cId="1199683896" sldId="306"/>
            <ac:picMk id="8" creationId="{9B6542B3-83E3-445F-ABA9-61CDEECD6EBF}"/>
          </ac:picMkLst>
        </pc:picChg>
        <pc:picChg chg="add mod">
          <ac:chgData name="Adam Wilson" userId="b8e2e8a2000bddc0" providerId="LiveId" clId="{036C9C17-9EBF-4DFB-8A17-20B1A844E82A}" dt="2021-11-09T10:28:45.955" v="428" actId="1076"/>
          <ac:picMkLst>
            <pc:docMk/>
            <pc:sldMk cId="1199683896" sldId="306"/>
            <ac:picMk id="10" creationId="{A2E7F817-829D-4C0A-B3C1-168CF1B64E8C}"/>
          </ac:picMkLst>
        </pc:picChg>
      </pc:sldChg>
      <pc:sldChg chg="addSp delSp modSp new mod">
        <pc:chgData name="Adam Wilson" userId="b8e2e8a2000bddc0" providerId="LiveId" clId="{036C9C17-9EBF-4DFB-8A17-20B1A844E82A}" dt="2021-11-07T14:04:03.861" v="374" actId="14100"/>
        <pc:sldMkLst>
          <pc:docMk/>
          <pc:sldMk cId="4279626298" sldId="307"/>
        </pc:sldMkLst>
        <pc:spChg chg="mod">
          <ac:chgData name="Adam Wilson" userId="b8e2e8a2000bddc0" providerId="LiveId" clId="{036C9C17-9EBF-4DFB-8A17-20B1A844E82A}" dt="2021-11-07T14:00:34.027" v="340" actId="20577"/>
          <ac:spMkLst>
            <pc:docMk/>
            <pc:sldMk cId="4279626298" sldId="307"/>
            <ac:spMk id="2" creationId="{F63D1F5D-5AE8-461F-91E6-DF49FBEB3A6F}"/>
          </ac:spMkLst>
        </pc:spChg>
        <pc:spChg chg="del">
          <ac:chgData name="Adam Wilson" userId="b8e2e8a2000bddc0" providerId="LiveId" clId="{036C9C17-9EBF-4DFB-8A17-20B1A844E82A}" dt="2021-11-07T14:00:37.504" v="341" actId="478"/>
          <ac:spMkLst>
            <pc:docMk/>
            <pc:sldMk cId="4279626298" sldId="307"/>
            <ac:spMk id="3" creationId="{718924CD-7E56-4B42-AB68-A94E91A1AC10}"/>
          </ac:spMkLst>
        </pc:spChg>
        <pc:spChg chg="add del">
          <ac:chgData name="Adam Wilson" userId="b8e2e8a2000bddc0" providerId="LiveId" clId="{036C9C17-9EBF-4DFB-8A17-20B1A844E82A}" dt="2021-11-07T14:00:40.502" v="343" actId="22"/>
          <ac:spMkLst>
            <pc:docMk/>
            <pc:sldMk cId="4279626298" sldId="307"/>
            <ac:spMk id="6" creationId="{06BBE242-1BA5-44D4-BEED-8FF3E87647E8}"/>
          </ac:spMkLst>
        </pc:spChg>
        <pc:picChg chg="add mod">
          <ac:chgData name="Adam Wilson" userId="b8e2e8a2000bddc0" providerId="LiveId" clId="{036C9C17-9EBF-4DFB-8A17-20B1A844E82A}" dt="2021-11-07T14:04:03.861" v="374" actId="14100"/>
          <ac:picMkLst>
            <pc:docMk/>
            <pc:sldMk cId="4279626298" sldId="307"/>
            <ac:picMk id="8" creationId="{C66EA6DE-2B3C-4AB2-8DF4-592E7118C648}"/>
          </ac:picMkLst>
        </pc:picChg>
        <pc:picChg chg="add del mod">
          <ac:chgData name="Adam Wilson" userId="b8e2e8a2000bddc0" providerId="LiveId" clId="{036C9C17-9EBF-4DFB-8A17-20B1A844E82A}" dt="2021-11-07T14:01:55.356" v="351" actId="21"/>
          <ac:picMkLst>
            <pc:docMk/>
            <pc:sldMk cId="4279626298" sldId="307"/>
            <ac:picMk id="10" creationId="{AB469C56-3A8B-4CC8-93D0-7CB17556663D}"/>
          </ac:picMkLst>
        </pc:picChg>
        <pc:picChg chg="add mod">
          <ac:chgData name="Adam Wilson" userId="b8e2e8a2000bddc0" providerId="LiveId" clId="{036C9C17-9EBF-4DFB-8A17-20B1A844E82A}" dt="2021-11-07T14:04:00.866" v="372" actId="1076"/>
          <ac:picMkLst>
            <pc:docMk/>
            <pc:sldMk cId="4279626298" sldId="307"/>
            <ac:picMk id="12" creationId="{68F068C6-4699-4003-B3C3-6F792ACEBE75}"/>
          </ac:picMkLst>
        </pc:picChg>
      </pc:sldChg>
      <pc:sldChg chg="addSp delSp modSp new mod">
        <pc:chgData name="Adam Wilson" userId="b8e2e8a2000bddc0" providerId="LiveId" clId="{036C9C17-9EBF-4DFB-8A17-20B1A844E82A}" dt="2021-11-07T14:02:09.387" v="369" actId="20577"/>
        <pc:sldMkLst>
          <pc:docMk/>
          <pc:sldMk cId="3860612167" sldId="308"/>
        </pc:sldMkLst>
        <pc:spChg chg="mod">
          <ac:chgData name="Adam Wilson" userId="b8e2e8a2000bddc0" providerId="LiveId" clId="{036C9C17-9EBF-4DFB-8A17-20B1A844E82A}" dt="2021-11-07T14:02:09.387" v="369" actId="20577"/>
          <ac:spMkLst>
            <pc:docMk/>
            <pc:sldMk cId="3860612167" sldId="308"/>
            <ac:spMk id="2" creationId="{48B6B646-BADF-4A01-AD32-4B8F5531391A}"/>
          </ac:spMkLst>
        </pc:spChg>
        <pc:spChg chg="del mod">
          <ac:chgData name="Adam Wilson" userId="b8e2e8a2000bddc0" providerId="LiveId" clId="{036C9C17-9EBF-4DFB-8A17-20B1A844E82A}" dt="2021-11-07T14:02:00.531" v="353" actId="478"/>
          <ac:spMkLst>
            <pc:docMk/>
            <pc:sldMk cId="3860612167" sldId="308"/>
            <ac:spMk id="3" creationId="{B0CCE3DF-C706-4741-920F-5DE836695319}"/>
          </ac:spMkLst>
        </pc:spChg>
        <pc:picChg chg="add mod">
          <ac:chgData name="Adam Wilson" userId="b8e2e8a2000bddc0" providerId="LiveId" clId="{036C9C17-9EBF-4DFB-8A17-20B1A844E82A}" dt="2021-11-07T14:02:03.856" v="354"/>
          <ac:picMkLst>
            <pc:docMk/>
            <pc:sldMk cId="3860612167" sldId="308"/>
            <ac:picMk id="5" creationId="{9555CDFE-C3D5-4090-940D-E312E55E3D16}"/>
          </ac:picMkLst>
        </pc:picChg>
      </pc:sldChg>
      <pc:sldChg chg="addSp delSp modSp new mod">
        <pc:chgData name="Adam Wilson" userId="b8e2e8a2000bddc0" providerId="LiveId" clId="{036C9C17-9EBF-4DFB-8A17-20B1A844E82A}" dt="2021-11-07T14:49:27.699" v="388" actId="20577"/>
        <pc:sldMkLst>
          <pc:docMk/>
          <pc:sldMk cId="214559712" sldId="309"/>
        </pc:sldMkLst>
        <pc:spChg chg="mod">
          <ac:chgData name="Adam Wilson" userId="b8e2e8a2000bddc0" providerId="LiveId" clId="{036C9C17-9EBF-4DFB-8A17-20B1A844E82A}" dt="2021-11-07T14:49:27.699" v="388" actId="20577"/>
          <ac:spMkLst>
            <pc:docMk/>
            <pc:sldMk cId="214559712" sldId="309"/>
            <ac:spMk id="2" creationId="{4A200E31-DB2E-4C06-B0B2-7F34E8C9A697}"/>
          </ac:spMkLst>
        </pc:spChg>
        <pc:spChg chg="del">
          <ac:chgData name="Adam Wilson" userId="b8e2e8a2000bddc0" providerId="LiveId" clId="{036C9C17-9EBF-4DFB-8A17-20B1A844E82A}" dt="2021-11-07T14:49:15.875" v="376" actId="478"/>
          <ac:spMkLst>
            <pc:docMk/>
            <pc:sldMk cId="214559712" sldId="309"/>
            <ac:spMk id="3" creationId="{03AA7359-94C1-4E57-A7EA-8EAA9923D3CF}"/>
          </ac:spMkLst>
        </pc:spChg>
        <pc:picChg chg="add mod">
          <ac:chgData name="Adam Wilson" userId="b8e2e8a2000bddc0" providerId="LiveId" clId="{036C9C17-9EBF-4DFB-8A17-20B1A844E82A}" dt="2021-11-07T14:49:25.184" v="379" actId="1076"/>
          <ac:picMkLst>
            <pc:docMk/>
            <pc:sldMk cId="214559712" sldId="309"/>
            <ac:picMk id="6" creationId="{86B19F56-FA8A-4631-80B9-6C648AE8B0F1}"/>
          </ac:picMkLst>
        </pc:picChg>
      </pc:sldChg>
      <pc:sldChg chg="addSp delSp modSp new mod">
        <pc:chgData name="Adam Wilson" userId="b8e2e8a2000bddc0" providerId="LiveId" clId="{036C9C17-9EBF-4DFB-8A17-20B1A844E82A}" dt="2021-11-07T14:52:54.785" v="412" actId="1076"/>
        <pc:sldMkLst>
          <pc:docMk/>
          <pc:sldMk cId="2170502803" sldId="310"/>
        </pc:sldMkLst>
        <pc:spChg chg="mod">
          <ac:chgData name="Adam Wilson" userId="b8e2e8a2000bddc0" providerId="LiveId" clId="{036C9C17-9EBF-4DFB-8A17-20B1A844E82A}" dt="2021-11-07T14:52:39.413" v="407" actId="20577"/>
          <ac:spMkLst>
            <pc:docMk/>
            <pc:sldMk cId="2170502803" sldId="310"/>
            <ac:spMk id="2" creationId="{4A9DE885-DA63-48CD-9A4B-72960E6DA9EE}"/>
          </ac:spMkLst>
        </pc:spChg>
        <pc:spChg chg="del mod">
          <ac:chgData name="Adam Wilson" userId="b8e2e8a2000bddc0" providerId="LiveId" clId="{036C9C17-9EBF-4DFB-8A17-20B1A844E82A}" dt="2021-11-07T14:52:41.552" v="409" actId="478"/>
          <ac:spMkLst>
            <pc:docMk/>
            <pc:sldMk cId="2170502803" sldId="310"/>
            <ac:spMk id="3" creationId="{8EDCEFFE-367C-498F-9196-35E1C9832E2C}"/>
          </ac:spMkLst>
        </pc:spChg>
        <pc:picChg chg="add mod">
          <ac:chgData name="Adam Wilson" userId="b8e2e8a2000bddc0" providerId="LiveId" clId="{036C9C17-9EBF-4DFB-8A17-20B1A844E82A}" dt="2021-11-07T14:52:54.785" v="412" actId="1076"/>
          <ac:picMkLst>
            <pc:docMk/>
            <pc:sldMk cId="2170502803" sldId="310"/>
            <ac:picMk id="6" creationId="{76EA7E38-A94F-43DD-A921-DABAA69F98D0}"/>
          </ac:picMkLst>
        </pc:picChg>
      </pc:sldChg>
      <pc:sldChg chg="new">
        <pc:chgData name="Adam Wilson" userId="b8e2e8a2000bddc0" providerId="LiveId" clId="{036C9C17-9EBF-4DFB-8A17-20B1A844E82A}" dt="2021-11-07T14:52:59.820" v="413" actId="680"/>
        <pc:sldMkLst>
          <pc:docMk/>
          <pc:sldMk cId="1748478029" sldId="311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r>
              <a:rPr lang="en-US" dirty="0"/>
              <a:t>Too deep too fast</a:t>
            </a:r>
          </a:p>
          <a:p>
            <a:pPr marL="171450" indent="-171450">
              <a:buFontTx/>
              <a:buChar char="-"/>
            </a:pPr>
            <a:r>
              <a:rPr lang="en-US" dirty="0"/>
              <a:t>Cut out a lot of content</a:t>
            </a:r>
          </a:p>
          <a:p>
            <a:pPr marL="171450" indent="-171450">
              <a:buFontTx/>
              <a:buChar char="-"/>
            </a:pPr>
            <a:r>
              <a:rPr lang="en-US" dirty="0"/>
              <a:t>What are we trying to achieve with the presentation</a:t>
            </a:r>
          </a:p>
          <a:p>
            <a:pPr marL="171450" indent="-171450">
              <a:buFontTx/>
              <a:buChar char="-"/>
            </a:pPr>
            <a:r>
              <a:rPr lang="en-US" dirty="0"/>
              <a:t>Latex </a:t>
            </a:r>
            <a:r>
              <a:rPr lang="en-US" dirty="0" err="1"/>
              <a:t>plotssssss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751291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r>
              <a:rPr lang="en-US" dirty="0"/>
              <a:t>Need a model </a:t>
            </a:r>
          </a:p>
          <a:p>
            <a:pPr marL="171450" indent="-171450">
              <a:buFontTx/>
              <a:buChar char="-"/>
            </a:pPr>
            <a:r>
              <a:rPr lang="en-US" dirty="0"/>
              <a:t>A way to adapt the model </a:t>
            </a:r>
          </a:p>
          <a:p>
            <a:pPr marL="628650" lvl="1" indent="-171450">
              <a:buFontTx/>
              <a:buChar char="-"/>
            </a:pPr>
            <a:r>
              <a:rPr lang="en-US" dirty="0"/>
              <a:t>Computation of the gradients and the energies</a:t>
            </a:r>
          </a:p>
          <a:p>
            <a:pPr marL="628650" lvl="1" indent="-171450">
              <a:buFontTx/>
              <a:buChar char="-"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396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r>
              <a:rPr lang="en-US" dirty="0"/>
              <a:t>Permutation </a:t>
            </a:r>
            <a:r>
              <a:rPr lang="en-US" dirty="0" err="1"/>
              <a:t>eqv</a:t>
            </a:r>
            <a:r>
              <a:rPr lang="en-US" dirty="0"/>
              <a:t> functions important for </a:t>
            </a:r>
            <a:r>
              <a:rPr lang="en-US" dirty="0" err="1"/>
              <a:t>antisymmetry</a:t>
            </a:r>
            <a:endParaRPr lang="en-US" dirty="0"/>
          </a:p>
          <a:p>
            <a:pPr marL="171450" indent="-171450">
              <a:buFontTx/>
              <a:buChar char="-"/>
            </a:pPr>
            <a:r>
              <a:rPr lang="en-US" dirty="0"/>
              <a:t>Will focus on the non periodic parts of the networ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3792007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024747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ca9f389-e808-4e27-8273-94e97126368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023740c4-7e55-4f22-be66-d4ee5a350266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 September 2021</a:t>
            </a:r>
          </a:p>
        </p:txBody>
      </p:sp>
      <p:sp>
        <p:nvSpPr>
          <p:cNvPr id="7" name="text" descr="{&quot;templafy&quot;:{&quot;id&quot;:&quot;54d0d1d5-a2b8-49a7-a7bd-126b79ab913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4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9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9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5.png"/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3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png"/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54.png"/><Relationship Id="rId4" Type="http://schemas.openxmlformats.org/officeDocument/2006/relationships/image" Target="../media/image53.png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3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7.png"/><Relationship Id="rId2" Type="http://schemas.openxmlformats.org/officeDocument/2006/relationships/image" Target="../media/image56.png"/><Relationship Id="rId1" Type="http://schemas.openxmlformats.org/officeDocument/2006/relationships/slideLayout" Target="../slideLayouts/slideLayout3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9.png"/><Relationship Id="rId2" Type="http://schemas.openxmlformats.org/officeDocument/2006/relationships/image" Target="../media/image58.png"/><Relationship Id="rId1" Type="http://schemas.openxmlformats.org/officeDocument/2006/relationships/slideLayout" Target="../slideLayouts/slideLayout3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1.png"/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3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3.xml"/></Relationships>
</file>

<file path=ppt/slides/_rels/slide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3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.png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5.png"/><Relationship Id="rId2" Type="http://schemas.openxmlformats.org/officeDocument/2006/relationships/image" Target="../media/image64.png"/><Relationship Id="rId1" Type="http://schemas.openxmlformats.org/officeDocument/2006/relationships/slideLayout" Target="../slideLayouts/slideLayout3.xml"/></Relationships>
</file>

<file path=ppt/slides/_rels/slide4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6.png"/><Relationship Id="rId1" Type="http://schemas.openxmlformats.org/officeDocument/2006/relationships/slideLayout" Target="../slideLayouts/slideLayout3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7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8.png"/></Relationships>
</file>

<file path=ppt/slides/_rels/slide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9.png"/><Relationship Id="rId1" Type="http://schemas.openxmlformats.org/officeDocument/2006/relationships/slideLayout" Target="../slideLayouts/slideLayout3.xml"/></Relationships>
</file>

<file path=ppt/slides/_rels/slide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0.png"/><Relationship Id="rId1" Type="http://schemas.openxmlformats.org/officeDocument/2006/relationships/slideLayout" Target="../slideLayouts/slideLayout3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2.png"/><Relationship Id="rId2" Type="http://schemas.openxmlformats.org/officeDocument/2006/relationships/image" Target="../media/image71.png"/><Relationship Id="rId1" Type="http://schemas.openxmlformats.org/officeDocument/2006/relationships/slideLayout" Target="../slideLayouts/slideLayout3.xml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4.png"/><Relationship Id="rId2" Type="http://schemas.openxmlformats.org/officeDocument/2006/relationships/image" Target="../media/image73.png"/><Relationship Id="rId1" Type="http://schemas.openxmlformats.org/officeDocument/2006/relationships/slideLayout" Target="../slideLayouts/slideLayout3.xml"/></Relationships>
</file>

<file path=ppt/slides/_rels/slide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5.png"/><Relationship Id="rId1" Type="http://schemas.openxmlformats.org/officeDocument/2006/relationships/slideLayout" Target="../slideLayouts/slideLayout3.xml"/></Relationships>
</file>

<file path=ppt/slides/_rels/slide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6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77.png"/><Relationship Id="rId1" Type="http://schemas.openxmlformats.org/officeDocument/2006/relationships/slideLayout" Target="../slideLayouts/slideLayout3.xml"/></Relationships>
</file>

<file path=ppt/slides/_rels/slide5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507DAE-B22F-430B-AAAF-1C70EE2459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C34B6F0-58AD-4A03-9A9A-E6DD36A4D3F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74714" y="1807282"/>
            <a:ext cx="4744604" cy="333791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F4836C02-A339-4753-863B-0D0AEEDF46A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55246" y="1916832"/>
            <a:ext cx="4744604" cy="33418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664664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C1C493-8FFB-4781-858D-8D3C83A73C0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622" y="62322"/>
            <a:ext cx="9312374" cy="972716"/>
          </a:xfrm>
        </p:spPr>
        <p:txBody>
          <a:bodyPr/>
          <a:lstStyle/>
          <a:p>
            <a:r>
              <a:rPr lang="en-US" dirty="0"/>
              <a:t>(Anisotropic) Orbital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8B345F8-6287-4FB1-AB09-3B33997E0AF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75693C6-E9C7-4040-B7D7-0FD8B79F206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582" y="2204865"/>
            <a:ext cx="5499959" cy="1368149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F8814783-48A6-4FD5-B336-D8EAB8CC50E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5206" y="1844824"/>
            <a:ext cx="5112568" cy="3693140"/>
          </a:xfrm>
          <a:prstGeom prst="rect">
            <a:avLst/>
          </a:prstGeom>
        </p:spPr>
      </p:pic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2E47D70D-4C74-4F31-A69F-20B2A6B03CDB}"/>
              </a:ext>
            </a:extLst>
          </p:cNvPr>
          <p:cNvCxnSpPr>
            <a:cxnSpLocks/>
            <a:stCxn id="17" idx="0"/>
          </p:cNvCxnSpPr>
          <p:nvPr/>
        </p:nvCxnSpPr>
        <p:spPr bwMode="auto">
          <a:xfrm>
            <a:off x="3664084" y="4813090"/>
            <a:ext cx="3799274" cy="0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3D89BCC7-3B44-46CE-9A97-E7DA88B87D90}"/>
              </a:ext>
            </a:extLst>
          </p:cNvPr>
          <p:cNvSpPr txBox="1"/>
          <p:nvPr/>
        </p:nvSpPr>
        <p:spPr>
          <a:xfrm>
            <a:off x="3010059" y="4813090"/>
            <a:ext cx="130805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800" dirty="0">
                <a:latin typeface="+mn-lt"/>
              </a:rPr>
              <a:t>Discontinuity</a:t>
            </a:r>
          </a:p>
        </p:txBody>
      </p:sp>
    </p:spTree>
    <p:extLst>
      <p:ext uri="{BB962C8B-B14F-4D97-AF65-F5344CB8AC3E}">
        <p14:creationId xmlns:p14="http://schemas.microsoft.com/office/powerpoint/2010/main" val="341403743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A9BD0FB-DACA-43C0-8251-EDB9463B5D5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119664"/>
            <a:ext cx="9312374" cy="972716"/>
          </a:xfrm>
        </p:spPr>
        <p:txBody>
          <a:bodyPr/>
          <a:lstStyle/>
          <a:p>
            <a:r>
              <a:rPr lang="en-US" dirty="0"/>
              <a:t>Periodic (Anisotropic) </a:t>
            </a:r>
            <a:r>
              <a:rPr lang="en-US"/>
              <a:t>Orbitals </a:t>
            </a:r>
            <a:br>
              <a:rPr lang="en-US"/>
            </a:br>
            <a:r>
              <a:rPr lang="en-US"/>
              <a:t>(</a:t>
            </a:r>
            <a:r>
              <a:rPr lang="en-US" dirty="0"/>
              <a:t>with \eps </a:t>
            </a:r>
            <a:r>
              <a:rPr lang="en-US"/>
              <a:t>to stop nans)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4DCDE82-74BE-47E2-B2D5-7B166C84BB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FE198A5-CD8B-4AC2-88F5-6FA54D75277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95384" y="1776041"/>
            <a:ext cx="4609326" cy="3305918"/>
          </a:xfrm>
          <a:prstGeom prst="rect">
            <a:avLst/>
          </a:prstGeom>
        </p:spPr>
      </p:pic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B70B996D-8B3F-4443-AC29-66FEC82B9649}"/>
              </a:ext>
            </a:extLst>
          </p:cNvPr>
          <p:cNvCxnSpPr>
            <a:cxnSpLocks/>
          </p:cNvCxnSpPr>
          <p:nvPr/>
        </p:nvCxnSpPr>
        <p:spPr bwMode="auto">
          <a:xfrm flipV="1">
            <a:off x="7103318" y="4509120"/>
            <a:ext cx="1008112" cy="1008112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3FCC4BF4-67BB-4072-85C4-7662F5CEDE63}"/>
              </a:ext>
            </a:extLst>
          </p:cNvPr>
          <p:cNvSpPr txBox="1"/>
          <p:nvPr/>
        </p:nvSpPr>
        <p:spPr>
          <a:xfrm>
            <a:off x="6073790" y="5534580"/>
            <a:ext cx="1615827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800" dirty="0">
                <a:latin typeface="+mn-lt"/>
              </a:rPr>
              <a:t>Continuous(</a:t>
            </a:r>
            <a:r>
              <a:rPr lang="en-US" sz="1800" dirty="0" err="1">
                <a:latin typeface="+mn-lt"/>
              </a:rPr>
              <a:t>ish</a:t>
            </a:r>
            <a:r>
              <a:rPr lang="en-US" sz="1800" dirty="0">
                <a:latin typeface="+mn-lt"/>
              </a:rPr>
              <a:t>)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6DA11628-5F5E-4240-B333-58BCE61E61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7861" y="2386949"/>
            <a:ext cx="6323556" cy="20841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123499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CA3389-0F07-464E-986A-819CB56660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116632"/>
            <a:ext cx="9312374" cy="972716"/>
          </a:xfrm>
        </p:spPr>
        <p:txBody>
          <a:bodyPr/>
          <a:lstStyle/>
          <a:p>
            <a:r>
              <a:rPr lang="en-US" dirty="0"/>
              <a:t>Periodic (Anisotropic) Orbitals (without \eps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DA690B-ADB4-46C4-9CDE-D98D79E05CF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57ACB78-CE9B-4386-866E-104F5267194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04719" y="1916832"/>
            <a:ext cx="4618031" cy="3357482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12BD773-B1AC-460E-9A22-4DFD0754626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0550" y="2781072"/>
            <a:ext cx="6677957" cy="1629002"/>
          </a:xfrm>
          <a:prstGeom prst="rect">
            <a:avLst/>
          </a:prstGeom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84E539B4-2F19-4727-8C6A-BA76D410FCF2}"/>
              </a:ext>
            </a:extLst>
          </p:cNvPr>
          <p:cNvCxnSpPr>
            <a:cxnSpLocks/>
          </p:cNvCxnSpPr>
          <p:nvPr/>
        </p:nvCxnSpPr>
        <p:spPr bwMode="auto">
          <a:xfrm flipV="1">
            <a:off x="7319342" y="4653136"/>
            <a:ext cx="1008112" cy="1008112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279D2BDA-E4A2-43FB-9CC0-A6B428D583A0}"/>
              </a:ext>
            </a:extLst>
          </p:cNvPr>
          <p:cNvSpPr txBox="1"/>
          <p:nvPr/>
        </p:nvSpPr>
        <p:spPr>
          <a:xfrm>
            <a:off x="6289814" y="5678596"/>
            <a:ext cx="116698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800" dirty="0">
                <a:latin typeface="+mn-lt"/>
              </a:rPr>
              <a:t>Continuous</a:t>
            </a:r>
          </a:p>
        </p:txBody>
      </p:sp>
    </p:spTree>
    <p:extLst>
      <p:ext uri="{BB962C8B-B14F-4D97-AF65-F5344CB8AC3E}">
        <p14:creationId xmlns:p14="http://schemas.microsoft.com/office/powerpoint/2010/main" val="365567942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7E1B7F-8AC1-47C1-B814-FC504E9715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141734"/>
            <a:ext cx="9312374" cy="972716"/>
          </a:xfrm>
        </p:spPr>
        <p:txBody>
          <a:bodyPr/>
          <a:lstStyle/>
          <a:p>
            <a:r>
              <a:rPr lang="en-US" dirty="0"/>
              <a:t>Periodic (Isotropic) Orbital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648CEB8-D1CD-4D28-9BB5-A198E5FAD1D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4E28072-807C-401A-9B11-D7330222DEA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70670" y="2850948"/>
            <a:ext cx="5318798" cy="147096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D8882A6-E8E5-493A-AFD9-82FD974150B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1296" y="4725144"/>
            <a:ext cx="6063439" cy="1126067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6CC5580-8720-4EC3-8D97-2B631D0D846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96997" y="625252"/>
            <a:ext cx="3907335" cy="277535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AB44C524-DEC4-424E-8A21-6F85E143A93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96997" y="3448068"/>
            <a:ext cx="3888432" cy="2775349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7CF704FC-B287-4A13-819F-B7336C9CD5C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90750" y="1636637"/>
            <a:ext cx="2810267" cy="7525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277911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DE5804-B306-48B6-BB54-5CCE0BDC8E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116632"/>
            <a:ext cx="9312374" cy="972716"/>
          </a:xfrm>
        </p:spPr>
        <p:txBody>
          <a:bodyPr/>
          <a:lstStyle/>
          <a:p>
            <a:r>
              <a:rPr lang="en-US" dirty="0"/>
              <a:t>Energy comput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CE760C-9F6A-412B-8DAA-E06CD758017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42F7307-AD3F-40DD-92F5-B9B8BA5578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108701" y="1885734"/>
            <a:ext cx="5973009" cy="3086531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8124E120-4FF1-4E63-8BB6-D35D5EFDB049}"/>
              </a:ext>
            </a:extLst>
          </p:cNvPr>
          <p:cNvSpPr txBox="1"/>
          <p:nvPr/>
        </p:nvSpPr>
        <p:spPr>
          <a:xfrm>
            <a:off x="3286894" y="1406526"/>
            <a:ext cx="482453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- Potential (Ewald’s Summation)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83E0178-A25F-4576-8A3D-CC2B8DEDCB6D}"/>
              </a:ext>
            </a:extLst>
          </p:cNvPr>
          <p:cNvSpPr txBox="1"/>
          <p:nvPr/>
        </p:nvSpPr>
        <p:spPr>
          <a:xfrm>
            <a:off x="3358902" y="5301208"/>
            <a:ext cx="8172908" cy="789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spcBef>
                <a:spcPts val="432"/>
              </a:spcBef>
              <a:buFontTx/>
              <a:buChar char="-"/>
            </a:pPr>
            <a:r>
              <a:rPr lang="en-US" sz="2400" dirty="0">
                <a:latin typeface="+mn-lt"/>
              </a:rPr>
              <a:t>Kinetic (no change to isolated case)</a:t>
            </a:r>
          </a:p>
          <a:p>
            <a:pPr marL="800100" lvl="1" indent="-342900">
              <a:spcBef>
                <a:spcPts val="432"/>
              </a:spcBef>
              <a:buFontTx/>
              <a:buChar char="-"/>
            </a:pPr>
            <a:r>
              <a:rPr lang="en-US" sz="2400" dirty="0">
                <a:latin typeface="+mn-lt"/>
              </a:rPr>
              <a:t>Compute Laplacian for all simulation cell electron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B7DA54C-E8F5-4F44-B344-D83E1DFF18BD}"/>
              </a:ext>
            </a:extLst>
          </p:cNvPr>
          <p:cNvSpPr txBox="1"/>
          <p:nvPr/>
        </p:nvSpPr>
        <p:spPr>
          <a:xfrm>
            <a:off x="9479582" y="2420888"/>
            <a:ext cx="146995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eal space sum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649684A-C900-430F-9644-CF8E694888AA}"/>
              </a:ext>
            </a:extLst>
          </p:cNvPr>
          <p:cNvSpPr txBox="1"/>
          <p:nvPr/>
        </p:nvSpPr>
        <p:spPr>
          <a:xfrm>
            <a:off x="9335566" y="3182778"/>
            <a:ext cx="201657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eciprocal space sum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A05B2F00-8EAA-41E4-9365-46F1CC8394F4}"/>
              </a:ext>
            </a:extLst>
          </p:cNvPr>
          <p:cNvSpPr txBox="1"/>
          <p:nvPr/>
        </p:nvSpPr>
        <p:spPr>
          <a:xfrm>
            <a:off x="9263558" y="4093234"/>
            <a:ext cx="2563202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elf-interaction cancellation 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from reciprocal space sum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6EFCC8FD-8E3D-41AC-980E-BEC3B591F802}"/>
              </a:ext>
            </a:extLst>
          </p:cNvPr>
          <p:cNvCxnSpPr/>
          <p:nvPr/>
        </p:nvCxnSpPr>
        <p:spPr bwMode="auto">
          <a:xfrm flipH="1" flipV="1">
            <a:off x="7895406" y="2543999"/>
            <a:ext cx="1440160" cy="19204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D93B95FA-26F8-4C3A-AEC7-D4762DB6DA45}"/>
              </a:ext>
            </a:extLst>
          </p:cNvPr>
          <p:cNvCxnSpPr>
            <a:stCxn id="9" idx="1"/>
          </p:cNvCxnSpPr>
          <p:nvPr/>
        </p:nvCxnSpPr>
        <p:spPr bwMode="auto">
          <a:xfrm flipH="1" flipV="1">
            <a:off x="7103318" y="3288726"/>
            <a:ext cx="2232248" cy="17163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07BA9112-C107-4283-AF0C-F8A62BA36B6C}"/>
              </a:ext>
            </a:extLst>
          </p:cNvPr>
          <p:cNvCxnSpPr/>
          <p:nvPr/>
        </p:nvCxnSpPr>
        <p:spPr bwMode="auto">
          <a:xfrm flipH="1" flipV="1">
            <a:off x="5086740" y="4209118"/>
            <a:ext cx="4032802" cy="7227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426560682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1E2DDA-91A3-4D85-969E-8BAE24B7F04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283502"/>
            <a:ext cx="8136904" cy="645040"/>
          </a:xfrm>
        </p:spPr>
        <p:txBody>
          <a:bodyPr/>
          <a:lstStyle/>
          <a:p>
            <a:r>
              <a:rPr lang="en-US" dirty="0"/>
              <a:t>Ewald’s summation convergenc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2BD8773-62E1-4E13-BF4C-5C1D845E9EF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C4647B-D513-415C-A8B7-A14C2150D4D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55481" y="980728"/>
            <a:ext cx="9279450" cy="272543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DCCEF22C-1680-43C1-A84B-B4FFDAF96C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58665" y="3645024"/>
            <a:ext cx="9279450" cy="27095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2647126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F1E401-7E8D-4C84-92BB-56DE9A836EA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6694" y="836712"/>
            <a:ext cx="9312374" cy="626609"/>
          </a:xfrm>
        </p:spPr>
        <p:txBody>
          <a:bodyPr/>
          <a:lstStyle/>
          <a:p>
            <a:r>
              <a:rPr lang="en-US" dirty="0"/>
              <a:t>Kinetic energy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8553C9-2130-427E-9CE1-349F9AE9206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0981665-062A-4854-A919-8B51517BDD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99062" y="2348880"/>
            <a:ext cx="2376264" cy="781526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09FCB952-00CB-4623-ACDE-0887242FA41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83038" y="3095095"/>
            <a:ext cx="2808312" cy="11914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11341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1963D5C-9FDD-4860-93B0-6AB636F3A93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41699FAF-49C4-4433-BE51-BDAB66F36F57}"/>
              </a:ext>
            </a:extLst>
          </p:cNvPr>
          <p:cNvSpPr/>
          <p:nvPr/>
        </p:nvSpPr>
        <p:spPr bwMode="auto">
          <a:xfrm>
            <a:off x="4295006" y="2564904"/>
            <a:ext cx="2142641" cy="2166206"/>
          </a:xfrm>
          <a:prstGeom prst="rect">
            <a:avLst/>
          </a:prstGeom>
          <a:noFill/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67A4EAA5-1B27-422C-AA88-31AD67FCC743}"/>
              </a:ext>
            </a:extLst>
          </p:cNvPr>
          <p:cNvCxnSpPr>
            <a:cxnSpLocks/>
          </p:cNvCxnSpPr>
          <p:nvPr/>
        </p:nvCxnSpPr>
        <p:spPr bwMode="auto">
          <a:xfrm>
            <a:off x="6437648" y="1121057"/>
            <a:ext cx="0" cy="4273684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5848AEAF-F3CF-4DC9-84D1-8AFDA12C4299}"/>
              </a:ext>
            </a:extLst>
          </p:cNvPr>
          <p:cNvCxnSpPr>
            <a:cxnSpLocks/>
          </p:cNvCxnSpPr>
          <p:nvPr/>
        </p:nvCxnSpPr>
        <p:spPr bwMode="auto">
          <a:xfrm>
            <a:off x="3918778" y="4731111"/>
            <a:ext cx="4661511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58C7887E-624D-4825-B73B-68918F76DF88}"/>
              </a:ext>
            </a:extLst>
          </p:cNvPr>
          <p:cNvCxnSpPr>
            <a:cxnSpLocks/>
          </p:cNvCxnSpPr>
          <p:nvPr/>
        </p:nvCxnSpPr>
        <p:spPr bwMode="auto">
          <a:xfrm flipH="1">
            <a:off x="4295003" y="2103629"/>
            <a:ext cx="5461" cy="3243401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E87E2310-4F22-481D-8142-056E04C5093A}"/>
              </a:ext>
            </a:extLst>
          </p:cNvPr>
          <p:cNvCxnSpPr>
            <a:cxnSpLocks/>
          </p:cNvCxnSpPr>
          <p:nvPr/>
        </p:nvCxnSpPr>
        <p:spPr bwMode="auto">
          <a:xfrm>
            <a:off x="3918778" y="2578993"/>
            <a:ext cx="4675645" cy="1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14" name="Group 13">
            <a:extLst>
              <a:ext uri="{FF2B5EF4-FFF2-40B4-BE49-F238E27FC236}">
                <a16:creationId xmlns:a16="http://schemas.microsoft.com/office/drawing/2014/main" id="{ED1D9348-17E4-441E-852B-CA40F5ACEFDB}"/>
              </a:ext>
            </a:extLst>
          </p:cNvPr>
          <p:cNvGrpSpPr/>
          <p:nvPr/>
        </p:nvGrpSpPr>
        <p:grpSpPr>
          <a:xfrm>
            <a:off x="5887190" y="2930084"/>
            <a:ext cx="220370" cy="220369"/>
            <a:chOff x="4921380" y="2239318"/>
            <a:chExt cx="360040" cy="360040"/>
          </a:xfrm>
        </p:grpSpPr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C840A235-6DCE-4270-A1F9-FD9BC74053FF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95575379-E016-40C4-A003-BE82842C6C37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30" name="TextBox 29">
            <a:extLst>
              <a:ext uri="{FF2B5EF4-FFF2-40B4-BE49-F238E27FC236}">
                <a16:creationId xmlns:a16="http://schemas.microsoft.com/office/drawing/2014/main" id="{98413BCF-33B6-4D7F-BE1D-07C9F071FE2F}"/>
              </a:ext>
            </a:extLst>
          </p:cNvPr>
          <p:cNvSpPr txBox="1"/>
          <p:nvPr/>
        </p:nvSpPr>
        <p:spPr>
          <a:xfrm flipH="1">
            <a:off x="3622223" y="3332128"/>
            <a:ext cx="668915" cy="4894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17B22D64-D61B-45C5-884B-50D44F54F076}"/>
              </a:ext>
            </a:extLst>
          </p:cNvPr>
          <p:cNvSpPr txBox="1"/>
          <p:nvPr/>
        </p:nvSpPr>
        <p:spPr>
          <a:xfrm flipH="1">
            <a:off x="5218275" y="4890868"/>
            <a:ext cx="668915" cy="4894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grpSp>
        <p:nvGrpSpPr>
          <p:cNvPr id="54" name="Group 53">
            <a:extLst>
              <a:ext uri="{FF2B5EF4-FFF2-40B4-BE49-F238E27FC236}">
                <a16:creationId xmlns:a16="http://schemas.microsoft.com/office/drawing/2014/main" id="{EDA8CACD-0D3D-47AC-98C5-79D00ABD07BF}"/>
              </a:ext>
            </a:extLst>
          </p:cNvPr>
          <p:cNvGrpSpPr/>
          <p:nvPr/>
        </p:nvGrpSpPr>
        <p:grpSpPr>
          <a:xfrm>
            <a:off x="4584402" y="4279192"/>
            <a:ext cx="220370" cy="220369"/>
            <a:chOff x="4921380" y="2239318"/>
            <a:chExt cx="360040" cy="360040"/>
          </a:xfrm>
        </p:grpSpPr>
        <p:cxnSp>
          <p:nvCxnSpPr>
            <p:cNvPr id="55" name="Straight Connector 54">
              <a:extLst>
                <a:ext uri="{FF2B5EF4-FFF2-40B4-BE49-F238E27FC236}">
                  <a16:creationId xmlns:a16="http://schemas.microsoft.com/office/drawing/2014/main" id="{BF19F1D9-F595-4520-A48D-B36AFC1E0970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6" name="Straight Connector 55">
              <a:extLst>
                <a:ext uri="{FF2B5EF4-FFF2-40B4-BE49-F238E27FC236}">
                  <a16:creationId xmlns:a16="http://schemas.microsoft.com/office/drawing/2014/main" id="{8F262124-F2C7-4529-A4BD-B4FE8E222F50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7" name="Group 56">
            <a:extLst>
              <a:ext uri="{FF2B5EF4-FFF2-40B4-BE49-F238E27FC236}">
                <a16:creationId xmlns:a16="http://schemas.microsoft.com/office/drawing/2014/main" id="{C12A66E6-3913-46F7-97B8-B28C016C9216}"/>
              </a:ext>
            </a:extLst>
          </p:cNvPr>
          <p:cNvGrpSpPr/>
          <p:nvPr/>
        </p:nvGrpSpPr>
        <p:grpSpPr>
          <a:xfrm>
            <a:off x="5666820" y="3957297"/>
            <a:ext cx="220370" cy="220369"/>
            <a:chOff x="4921380" y="2239318"/>
            <a:chExt cx="360040" cy="360040"/>
          </a:xfrm>
        </p:grpSpPr>
        <p:cxnSp>
          <p:nvCxnSpPr>
            <p:cNvPr id="58" name="Straight Connector 57">
              <a:extLst>
                <a:ext uri="{FF2B5EF4-FFF2-40B4-BE49-F238E27FC236}">
                  <a16:creationId xmlns:a16="http://schemas.microsoft.com/office/drawing/2014/main" id="{8317D84A-88B0-49BB-B8BB-BBEFD6DD0DA8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9" name="Straight Connector 58">
              <a:extLst>
                <a:ext uri="{FF2B5EF4-FFF2-40B4-BE49-F238E27FC236}">
                  <a16:creationId xmlns:a16="http://schemas.microsoft.com/office/drawing/2014/main" id="{FE76F92B-68D1-45BD-930D-F4A107EC6E6B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60" name="Group 59">
            <a:extLst>
              <a:ext uri="{FF2B5EF4-FFF2-40B4-BE49-F238E27FC236}">
                <a16:creationId xmlns:a16="http://schemas.microsoft.com/office/drawing/2014/main" id="{105D52AF-C34B-44D0-98C0-F7AF61185C49}"/>
              </a:ext>
            </a:extLst>
          </p:cNvPr>
          <p:cNvGrpSpPr/>
          <p:nvPr/>
        </p:nvGrpSpPr>
        <p:grpSpPr>
          <a:xfrm>
            <a:off x="8026330" y="768610"/>
            <a:ext cx="220370" cy="220369"/>
            <a:chOff x="4921380" y="2239318"/>
            <a:chExt cx="360040" cy="360040"/>
          </a:xfrm>
        </p:grpSpPr>
        <p:cxnSp>
          <p:nvCxnSpPr>
            <p:cNvPr id="61" name="Straight Connector 60">
              <a:extLst>
                <a:ext uri="{FF2B5EF4-FFF2-40B4-BE49-F238E27FC236}">
                  <a16:creationId xmlns:a16="http://schemas.microsoft.com/office/drawing/2014/main" id="{E3A0366E-3616-489B-9D07-326DFF4AD5AC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2" name="Straight Connector 61">
              <a:extLst>
                <a:ext uri="{FF2B5EF4-FFF2-40B4-BE49-F238E27FC236}">
                  <a16:creationId xmlns:a16="http://schemas.microsoft.com/office/drawing/2014/main" id="{11FA6DD4-6786-46E6-88B3-72D7026D96A5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63" name="Group 62">
            <a:extLst>
              <a:ext uri="{FF2B5EF4-FFF2-40B4-BE49-F238E27FC236}">
                <a16:creationId xmlns:a16="http://schemas.microsoft.com/office/drawing/2014/main" id="{03F2C8F6-38DF-458E-ABA7-BF5021659E1A}"/>
              </a:ext>
            </a:extLst>
          </p:cNvPr>
          <p:cNvGrpSpPr/>
          <p:nvPr/>
        </p:nvGrpSpPr>
        <p:grpSpPr>
          <a:xfrm>
            <a:off x="6723542" y="2117718"/>
            <a:ext cx="220370" cy="220369"/>
            <a:chOff x="4921380" y="2239318"/>
            <a:chExt cx="360040" cy="360040"/>
          </a:xfrm>
        </p:grpSpPr>
        <p:cxnSp>
          <p:nvCxnSpPr>
            <p:cNvPr id="64" name="Straight Connector 63">
              <a:extLst>
                <a:ext uri="{FF2B5EF4-FFF2-40B4-BE49-F238E27FC236}">
                  <a16:creationId xmlns:a16="http://schemas.microsoft.com/office/drawing/2014/main" id="{51752235-8256-4656-AFCA-0A2D6DA8D6BB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5" name="Straight Connector 64">
              <a:extLst>
                <a:ext uri="{FF2B5EF4-FFF2-40B4-BE49-F238E27FC236}">
                  <a16:creationId xmlns:a16="http://schemas.microsoft.com/office/drawing/2014/main" id="{74C2F952-681F-444C-90A3-B8F82E882F83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66" name="Group 65">
            <a:extLst>
              <a:ext uri="{FF2B5EF4-FFF2-40B4-BE49-F238E27FC236}">
                <a16:creationId xmlns:a16="http://schemas.microsoft.com/office/drawing/2014/main" id="{20D3C0E5-9449-42E5-A6C7-BF6A5CF551D7}"/>
              </a:ext>
            </a:extLst>
          </p:cNvPr>
          <p:cNvGrpSpPr/>
          <p:nvPr/>
        </p:nvGrpSpPr>
        <p:grpSpPr>
          <a:xfrm>
            <a:off x="7861530" y="1825708"/>
            <a:ext cx="220370" cy="220369"/>
            <a:chOff x="4921380" y="2239318"/>
            <a:chExt cx="360040" cy="360040"/>
          </a:xfrm>
        </p:grpSpPr>
        <p:cxnSp>
          <p:nvCxnSpPr>
            <p:cNvPr id="67" name="Straight Connector 66">
              <a:extLst>
                <a:ext uri="{FF2B5EF4-FFF2-40B4-BE49-F238E27FC236}">
                  <a16:creationId xmlns:a16="http://schemas.microsoft.com/office/drawing/2014/main" id="{9A958949-E735-4D4E-9FAB-BD2251A01357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8" name="Straight Connector 67">
              <a:extLst>
                <a:ext uri="{FF2B5EF4-FFF2-40B4-BE49-F238E27FC236}">
                  <a16:creationId xmlns:a16="http://schemas.microsoft.com/office/drawing/2014/main" id="{6617D1DE-3332-4161-AD5A-1E9253821FCA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69" name="Group 68">
            <a:extLst>
              <a:ext uri="{FF2B5EF4-FFF2-40B4-BE49-F238E27FC236}">
                <a16:creationId xmlns:a16="http://schemas.microsoft.com/office/drawing/2014/main" id="{965C13D2-6351-4ACC-B0EF-C1966838CFA2}"/>
              </a:ext>
            </a:extLst>
          </p:cNvPr>
          <p:cNvGrpSpPr/>
          <p:nvPr/>
        </p:nvGrpSpPr>
        <p:grpSpPr>
          <a:xfrm>
            <a:off x="8086719" y="2870313"/>
            <a:ext cx="220370" cy="220369"/>
            <a:chOff x="4921380" y="2239318"/>
            <a:chExt cx="360040" cy="360040"/>
          </a:xfrm>
        </p:grpSpPr>
        <p:cxnSp>
          <p:nvCxnSpPr>
            <p:cNvPr id="70" name="Straight Connector 69">
              <a:extLst>
                <a:ext uri="{FF2B5EF4-FFF2-40B4-BE49-F238E27FC236}">
                  <a16:creationId xmlns:a16="http://schemas.microsoft.com/office/drawing/2014/main" id="{AF03A2F3-C476-4BEA-B998-DACE6AB1BBDE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1" name="Straight Connector 70">
              <a:extLst>
                <a:ext uri="{FF2B5EF4-FFF2-40B4-BE49-F238E27FC236}">
                  <a16:creationId xmlns:a16="http://schemas.microsoft.com/office/drawing/2014/main" id="{EFF47B58-76DB-4413-BA87-3DE4A1DCF557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72" name="Group 71">
            <a:extLst>
              <a:ext uri="{FF2B5EF4-FFF2-40B4-BE49-F238E27FC236}">
                <a16:creationId xmlns:a16="http://schemas.microsoft.com/office/drawing/2014/main" id="{63C64A6D-6DB7-499C-998F-D2C34542457E}"/>
              </a:ext>
            </a:extLst>
          </p:cNvPr>
          <p:cNvGrpSpPr/>
          <p:nvPr/>
        </p:nvGrpSpPr>
        <p:grpSpPr>
          <a:xfrm>
            <a:off x="6783931" y="4219421"/>
            <a:ext cx="220370" cy="220369"/>
            <a:chOff x="4921380" y="2239318"/>
            <a:chExt cx="360040" cy="360040"/>
          </a:xfrm>
        </p:grpSpPr>
        <p:cxnSp>
          <p:nvCxnSpPr>
            <p:cNvPr id="73" name="Straight Connector 72">
              <a:extLst>
                <a:ext uri="{FF2B5EF4-FFF2-40B4-BE49-F238E27FC236}">
                  <a16:creationId xmlns:a16="http://schemas.microsoft.com/office/drawing/2014/main" id="{A7154498-BC21-4544-92C0-7F5C313D113D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4" name="Straight Connector 73">
              <a:extLst>
                <a:ext uri="{FF2B5EF4-FFF2-40B4-BE49-F238E27FC236}">
                  <a16:creationId xmlns:a16="http://schemas.microsoft.com/office/drawing/2014/main" id="{84A4B09D-5C1C-4426-B698-90FE11E61B8D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75" name="Group 74">
            <a:extLst>
              <a:ext uri="{FF2B5EF4-FFF2-40B4-BE49-F238E27FC236}">
                <a16:creationId xmlns:a16="http://schemas.microsoft.com/office/drawing/2014/main" id="{AEBF2CF9-817F-4DBF-AF95-6A96DB6492DC}"/>
              </a:ext>
            </a:extLst>
          </p:cNvPr>
          <p:cNvGrpSpPr/>
          <p:nvPr/>
        </p:nvGrpSpPr>
        <p:grpSpPr>
          <a:xfrm>
            <a:off x="7866349" y="3954308"/>
            <a:ext cx="220370" cy="220369"/>
            <a:chOff x="4921380" y="2239318"/>
            <a:chExt cx="360040" cy="360040"/>
          </a:xfrm>
        </p:grpSpPr>
        <p:cxnSp>
          <p:nvCxnSpPr>
            <p:cNvPr id="76" name="Straight Connector 75">
              <a:extLst>
                <a:ext uri="{FF2B5EF4-FFF2-40B4-BE49-F238E27FC236}">
                  <a16:creationId xmlns:a16="http://schemas.microsoft.com/office/drawing/2014/main" id="{1DD62DAC-C875-452A-A7D2-0EA45A903C2B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7" name="Straight Connector 76">
              <a:extLst>
                <a:ext uri="{FF2B5EF4-FFF2-40B4-BE49-F238E27FC236}">
                  <a16:creationId xmlns:a16="http://schemas.microsoft.com/office/drawing/2014/main" id="{16F951E8-05B3-44DD-989B-B90786045F39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B05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CD249600-89BC-4B57-B5E2-26B22A86E4D1}"/>
              </a:ext>
            </a:extLst>
          </p:cNvPr>
          <p:cNvGrpSpPr/>
          <p:nvPr/>
        </p:nvGrpSpPr>
        <p:grpSpPr>
          <a:xfrm>
            <a:off x="3792756" y="5022433"/>
            <a:ext cx="220370" cy="220369"/>
            <a:chOff x="4921380" y="2239318"/>
            <a:chExt cx="360040" cy="360040"/>
          </a:xfrm>
        </p:grpSpPr>
        <p:cxnSp>
          <p:nvCxnSpPr>
            <p:cNvPr id="79" name="Straight Connector 78">
              <a:extLst>
                <a:ext uri="{FF2B5EF4-FFF2-40B4-BE49-F238E27FC236}">
                  <a16:creationId xmlns:a16="http://schemas.microsoft.com/office/drawing/2014/main" id="{B75C2FB9-398D-41B7-8DCE-BFC0565FD6EE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0" name="Straight Connector 79">
              <a:extLst>
                <a:ext uri="{FF2B5EF4-FFF2-40B4-BE49-F238E27FC236}">
                  <a16:creationId xmlns:a16="http://schemas.microsoft.com/office/drawing/2014/main" id="{5E8FE439-8750-4C09-A100-0724915BB269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89" name="Straight Arrow Connector 88">
            <a:extLst>
              <a:ext uri="{FF2B5EF4-FFF2-40B4-BE49-F238E27FC236}">
                <a16:creationId xmlns:a16="http://schemas.microsoft.com/office/drawing/2014/main" id="{2927643C-2122-4E73-AC34-A73305E187FA}"/>
              </a:ext>
            </a:extLst>
          </p:cNvPr>
          <p:cNvCxnSpPr/>
          <p:nvPr/>
        </p:nvCxnSpPr>
        <p:spPr bwMode="auto">
          <a:xfrm flipV="1">
            <a:off x="3900263" y="4389376"/>
            <a:ext cx="794324" cy="754064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58DED6E1-A219-4137-90C0-322BB1808F54}"/>
              </a:ext>
            </a:extLst>
          </p:cNvPr>
          <p:cNvCxnSpPr/>
          <p:nvPr/>
        </p:nvCxnSpPr>
        <p:spPr bwMode="auto">
          <a:xfrm flipV="1">
            <a:off x="6005600" y="2227902"/>
            <a:ext cx="828127" cy="825321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0C50D40E-F4CF-4162-A5E5-C9620B0DF3CB}"/>
              </a:ext>
            </a:extLst>
          </p:cNvPr>
          <p:cNvCxnSpPr/>
          <p:nvPr/>
        </p:nvCxnSpPr>
        <p:spPr bwMode="auto">
          <a:xfrm flipV="1">
            <a:off x="5777005" y="3053223"/>
            <a:ext cx="228595" cy="99442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69B03035-B1C7-410A-87DA-687F2A2C193C}"/>
              </a:ext>
            </a:extLst>
          </p:cNvPr>
          <p:cNvCxnSpPr/>
          <p:nvPr/>
        </p:nvCxnSpPr>
        <p:spPr bwMode="auto">
          <a:xfrm>
            <a:off x="5777005" y="4038285"/>
            <a:ext cx="1117111" cy="32883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405473053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1FA969B-A12E-484C-A7BB-A126A35CD7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A7CABE4-E1EA-4FB3-BAFF-9F6B9DBBC13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70303" y="2456892"/>
            <a:ext cx="2920264" cy="1657447"/>
          </a:xfrm>
          <a:prstGeom prst="rect">
            <a:avLst/>
          </a:prstGeom>
        </p:spPr>
      </p:pic>
      <p:sp>
        <p:nvSpPr>
          <p:cNvPr id="6" name="Oval 5">
            <a:extLst>
              <a:ext uri="{FF2B5EF4-FFF2-40B4-BE49-F238E27FC236}">
                <a16:creationId xmlns:a16="http://schemas.microsoft.com/office/drawing/2014/main" id="{4ADD5433-37C6-4448-AA2A-85FD78D941B2}"/>
              </a:ext>
            </a:extLst>
          </p:cNvPr>
          <p:cNvSpPr/>
          <p:nvPr/>
        </p:nvSpPr>
        <p:spPr bwMode="auto">
          <a:xfrm>
            <a:off x="4429226" y="788740"/>
            <a:ext cx="648072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400" dirty="0">
                <a:solidFill>
                  <a:srgbClr val="FFFFFF"/>
                </a:solidFill>
                <a:latin typeface="+mn-lt"/>
              </a:rPr>
              <a:t>r_0</a:t>
            </a:r>
            <a:endParaRPr kumimoji="0" lang="en-US" sz="14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83F8F415-6E75-4423-86B4-89E3E3F7956D}"/>
              </a:ext>
            </a:extLst>
          </p:cNvPr>
          <p:cNvSpPr/>
          <p:nvPr/>
        </p:nvSpPr>
        <p:spPr bwMode="auto">
          <a:xfrm>
            <a:off x="4402905" y="2096852"/>
            <a:ext cx="648072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400" dirty="0">
                <a:solidFill>
                  <a:srgbClr val="FFFFFF"/>
                </a:solidFill>
                <a:latin typeface="+mn-lt"/>
              </a:rPr>
              <a:t>r_1</a:t>
            </a:r>
            <a:endParaRPr kumimoji="0" lang="en-US" sz="14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D900940-495F-4BBE-910D-6EA4CBEA8FCD}"/>
              </a:ext>
            </a:extLst>
          </p:cNvPr>
          <p:cNvSpPr/>
          <p:nvPr/>
        </p:nvSpPr>
        <p:spPr bwMode="auto">
          <a:xfrm>
            <a:off x="5727078" y="830142"/>
            <a:ext cx="576064" cy="576064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-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F933F13D-5379-43EB-944A-8E385D22AB64}"/>
              </a:ext>
            </a:extLst>
          </p:cNvPr>
          <p:cNvSpPr/>
          <p:nvPr/>
        </p:nvSpPr>
        <p:spPr bwMode="auto">
          <a:xfrm>
            <a:off x="7741594" y="829511"/>
            <a:ext cx="576064" cy="576064"/>
          </a:xfrm>
          <a:prstGeom prst="rect">
            <a:avLst/>
          </a:prstGeom>
          <a:solidFill>
            <a:srgbClr val="660099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>
                <a:solidFill>
                  <a:schemeClr val="bg1"/>
                </a:solidFill>
                <a:latin typeface="+mn-lt"/>
              </a:rPr>
              <a:t>nint</a:t>
            </a:r>
            <a:endParaRPr kumimoji="0" lang="en-US" sz="16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3B8D3A78-B172-4406-AA98-24D15C2BE83C}"/>
              </a:ext>
            </a:extLst>
          </p:cNvPr>
          <p:cNvSpPr/>
          <p:nvPr/>
        </p:nvSpPr>
        <p:spPr bwMode="auto">
          <a:xfrm>
            <a:off x="6733482" y="793507"/>
            <a:ext cx="648072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400" dirty="0" err="1">
                <a:solidFill>
                  <a:srgbClr val="FFFFFF"/>
                </a:solidFill>
                <a:latin typeface="+mn-lt"/>
              </a:rPr>
              <a:t>v_ij</a:t>
            </a:r>
            <a:endParaRPr kumimoji="0" lang="en-US" sz="14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5CFB7D54-D177-47ED-8D93-C33D744B14F2}"/>
              </a:ext>
            </a:extLst>
          </p:cNvPr>
          <p:cNvSpPr/>
          <p:nvPr/>
        </p:nvSpPr>
        <p:spPr bwMode="auto">
          <a:xfrm>
            <a:off x="8749706" y="793507"/>
            <a:ext cx="648072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400" dirty="0">
                <a:solidFill>
                  <a:srgbClr val="FFFFFF"/>
                </a:solidFill>
                <a:latin typeface="+mn-lt"/>
              </a:rPr>
              <a:t>d</a:t>
            </a:r>
            <a:endParaRPr kumimoji="0" lang="en-US" sz="14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BD4A5F0-E5E9-4284-9D2F-BF20AC044310}"/>
              </a:ext>
            </a:extLst>
          </p:cNvPr>
          <p:cNvSpPr/>
          <p:nvPr/>
        </p:nvSpPr>
        <p:spPr bwMode="auto">
          <a:xfrm>
            <a:off x="7741594" y="2168860"/>
            <a:ext cx="576064" cy="576064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-</a:t>
            </a: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E196CEA8-CA10-4044-A787-7D4B74AEF989}"/>
              </a:ext>
            </a:extLst>
          </p:cNvPr>
          <p:cNvCxnSpPr>
            <a:stCxn id="11" idx="5"/>
            <a:endCxn id="13" idx="0"/>
          </p:cNvCxnSpPr>
          <p:nvPr/>
        </p:nvCxnSpPr>
        <p:spPr bwMode="auto">
          <a:xfrm>
            <a:off x="7286646" y="1346671"/>
            <a:ext cx="742980" cy="82218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BCAD9AC2-9BCC-45DA-A6D3-C01545EAF44B}"/>
              </a:ext>
            </a:extLst>
          </p:cNvPr>
          <p:cNvCxnSpPr>
            <a:stCxn id="12" idx="3"/>
            <a:endCxn id="13" idx="0"/>
          </p:cNvCxnSpPr>
          <p:nvPr/>
        </p:nvCxnSpPr>
        <p:spPr bwMode="auto">
          <a:xfrm flipH="1">
            <a:off x="8029626" y="1346671"/>
            <a:ext cx="814988" cy="82218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7D064198-1204-4ACA-8B21-78F14F1F4104}"/>
              </a:ext>
            </a:extLst>
          </p:cNvPr>
          <p:cNvCxnSpPr>
            <a:stCxn id="11" idx="6"/>
            <a:endCxn id="9" idx="1"/>
          </p:cNvCxnSpPr>
          <p:nvPr/>
        </p:nvCxnSpPr>
        <p:spPr bwMode="auto">
          <a:xfrm>
            <a:off x="7381554" y="1117543"/>
            <a:ext cx="36004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E7DDE31B-4A02-4A8D-85EB-621B148DB9A6}"/>
              </a:ext>
            </a:extLst>
          </p:cNvPr>
          <p:cNvCxnSpPr>
            <a:stCxn id="9" idx="3"/>
            <a:endCxn id="12" idx="2"/>
          </p:cNvCxnSpPr>
          <p:nvPr/>
        </p:nvCxnSpPr>
        <p:spPr bwMode="auto">
          <a:xfrm>
            <a:off x="8317658" y="1117543"/>
            <a:ext cx="432048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728B7A50-6933-4743-8979-3AC9BAAA78A4}"/>
              </a:ext>
            </a:extLst>
          </p:cNvPr>
          <p:cNvCxnSpPr>
            <a:stCxn id="8" idx="3"/>
            <a:endCxn id="11" idx="2"/>
          </p:cNvCxnSpPr>
          <p:nvPr/>
        </p:nvCxnSpPr>
        <p:spPr bwMode="auto">
          <a:xfrm flipV="1">
            <a:off x="6303142" y="1117543"/>
            <a:ext cx="430340" cy="63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085AB7A2-B795-4109-BA27-AC2A90C96016}"/>
              </a:ext>
            </a:extLst>
          </p:cNvPr>
          <p:cNvCxnSpPr>
            <a:stCxn id="6" idx="6"/>
            <a:endCxn id="8" idx="1"/>
          </p:cNvCxnSpPr>
          <p:nvPr/>
        </p:nvCxnSpPr>
        <p:spPr bwMode="auto">
          <a:xfrm>
            <a:off x="5077298" y="1112776"/>
            <a:ext cx="649780" cy="539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E755DF1B-321A-45C4-9525-DEB4F1112FFB}"/>
              </a:ext>
            </a:extLst>
          </p:cNvPr>
          <p:cNvCxnSpPr>
            <a:stCxn id="7" idx="7"/>
            <a:endCxn id="8" idx="1"/>
          </p:cNvCxnSpPr>
          <p:nvPr/>
        </p:nvCxnSpPr>
        <p:spPr bwMode="auto">
          <a:xfrm flipV="1">
            <a:off x="4956069" y="1118174"/>
            <a:ext cx="771009" cy="107358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7" name="Oval 36">
            <a:extLst>
              <a:ext uri="{FF2B5EF4-FFF2-40B4-BE49-F238E27FC236}">
                <a16:creationId xmlns:a16="http://schemas.microsoft.com/office/drawing/2014/main" id="{73C3E153-70B1-47D5-99E6-BB4B722F9A65}"/>
              </a:ext>
            </a:extLst>
          </p:cNvPr>
          <p:cNvSpPr/>
          <p:nvPr/>
        </p:nvSpPr>
        <p:spPr bwMode="auto">
          <a:xfrm>
            <a:off x="9263558" y="2132856"/>
            <a:ext cx="648072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200" dirty="0">
                <a:solidFill>
                  <a:srgbClr val="FFFFFF"/>
                </a:solidFill>
                <a:latin typeface="+mn-lt"/>
              </a:rPr>
              <a:t>v’_</a:t>
            </a:r>
            <a:r>
              <a:rPr lang="en-US" sz="1200" dirty="0" err="1">
                <a:solidFill>
                  <a:srgbClr val="FFFFFF"/>
                </a:solidFill>
                <a:latin typeface="+mn-lt"/>
              </a:rPr>
              <a:t>ij</a:t>
            </a:r>
            <a:endParaRPr kumimoji="0" lang="en-US" sz="12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8EDE9B39-98AB-42FC-9FD4-98E6FA3EBDB2}"/>
              </a:ext>
            </a:extLst>
          </p:cNvPr>
          <p:cNvCxnSpPr>
            <a:stCxn id="13" idx="3"/>
            <a:endCxn id="37" idx="2"/>
          </p:cNvCxnSpPr>
          <p:nvPr/>
        </p:nvCxnSpPr>
        <p:spPr bwMode="auto">
          <a:xfrm>
            <a:off x="8317658" y="2456892"/>
            <a:ext cx="94590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5CE97ED5-8CC5-4D08-91D0-C3DB0B273CEA}"/>
              </a:ext>
            </a:extLst>
          </p:cNvPr>
          <p:cNvCxnSpPr>
            <a:stCxn id="37" idx="6"/>
          </p:cNvCxnSpPr>
          <p:nvPr/>
        </p:nvCxnSpPr>
        <p:spPr bwMode="auto">
          <a:xfrm>
            <a:off x="9911630" y="2456892"/>
            <a:ext cx="1476051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7" name="TextBox 46">
            <a:extLst>
              <a:ext uri="{FF2B5EF4-FFF2-40B4-BE49-F238E27FC236}">
                <a16:creationId xmlns:a16="http://schemas.microsoft.com/office/drawing/2014/main" id="{5A2722BB-9DA0-48EF-97E3-D1EF5EC3990D}"/>
              </a:ext>
            </a:extLst>
          </p:cNvPr>
          <p:cNvSpPr txBox="1"/>
          <p:nvPr/>
        </p:nvSpPr>
        <p:spPr>
          <a:xfrm>
            <a:off x="10772941" y="2132856"/>
            <a:ext cx="991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o network</a:t>
            </a: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838ABC1A-EF23-4522-943A-0216E9AC81F1}"/>
              </a:ext>
            </a:extLst>
          </p:cNvPr>
          <p:cNvSpPr/>
          <p:nvPr/>
        </p:nvSpPr>
        <p:spPr bwMode="auto">
          <a:xfrm>
            <a:off x="4429226" y="3705064"/>
            <a:ext cx="648072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400" dirty="0">
                <a:solidFill>
                  <a:srgbClr val="FFFFFF"/>
                </a:solidFill>
                <a:latin typeface="+mn-lt"/>
              </a:rPr>
              <a:t>r_0</a:t>
            </a:r>
            <a:endParaRPr kumimoji="0" lang="en-US" sz="14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287E9FE3-37E0-4E9C-B01F-1611AD081F7C}"/>
              </a:ext>
            </a:extLst>
          </p:cNvPr>
          <p:cNvSpPr/>
          <p:nvPr/>
        </p:nvSpPr>
        <p:spPr bwMode="auto">
          <a:xfrm>
            <a:off x="4402905" y="5013176"/>
            <a:ext cx="648072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400" dirty="0">
                <a:solidFill>
                  <a:srgbClr val="FFFFFF"/>
                </a:solidFill>
                <a:latin typeface="+mn-lt"/>
              </a:rPr>
              <a:t>r_1</a:t>
            </a:r>
            <a:endParaRPr kumimoji="0" lang="en-US" sz="14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3C337202-DA60-4E4E-8CB1-81B5861FA197}"/>
              </a:ext>
            </a:extLst>
          </p:cNvPr>
          <p:cNvSpPr/>
          <p:nvPr/>
        </p:nvSpPr>
        <p:spPr bwMode="auto">
          <a:xfrm>
            <a:off x="5727078" y="3746466"/>
            <a:ext cx="576064" cy="576064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-</a:t>
            </a: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013F3FA-1987-479F-8398-A2B861AC3702}"/>
              </a:ext>
            </a:extLst>
          </p:cNvPr>
          <p:cNvSpPr/>
          <p:nvPr/>
        </p:nvSpPr>
        <p:spPr bwMode="auto">
          <a:xfrm>
            <a:off x="6733482" y="3709831"/>
            <a:ext cx="648072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400" dirty="0" err="1">
                <a:solidFill>
                  <a:srgbClr val="FFFFFF"/>
                </a:solidFill>
                <a:latin typeface="+mn-lt"/>
              </a:rPr>
              <a:t>v_ij</a:t>
            </a:r>
            <a:endParaRPr kumimoji="0" lang="en-US" sz="14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ED0EA72A-444B-4E3A-8B60-2D20D565E30A}"/>
              </a:ext>
            </a:extLst>
          </p:cNvPr>
          <p:cNvCxnSpPr>
            <a:stCxn id="25" idx="3"/>
            <a:endCxn id="28" idx="2"/>
          </p:cNvCxnSpPr>
          <p:nvPr/>
        </p:nvCxnSpPr>
        <p:spPr bwMode="auto">
          <a:xfrm flipV="1">
            <a:off x="6303142" y="4033867"/>
            <a:ext cx="430340" cy="63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BCC6530D-3C40-4B3D-A3D2-11BF98BC1C59}"/>
              </a:ext>
            </a:extLst>
          </p:cNvPr>
          <p:cNvCxnSpPr>
            <a:stCxn id="22" idx="6"/>
            <a:endCxn id="25" idx="1"/>
          </p:cNvCxnSpPr>
          <p:nvPr/>
        </p:nvCxnSpPr>
        <p:spPr bwMode="auto">
          <a:xfrm>
            <a:off x="5077298" y="4029100"/>
            <a:ext cx="649780" cy="539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7BF3275A-22EE-4DA0-9DC0-1DB2CD350B1A}"/>
              </a:ext>
            </a:extLst>
          </p:cNvPr>
          <p:cNvCxnSpPr>
            <a:stCxn id="24" idx="7"/>
            <a:endCxn id="25" idx="1"/>
          </p:cNvCxnSpPr>
          <p:nvPr/>
        </p:nvCxnSpPr>
        <p:spPr bwMode="auto">
          <a:xfrm flipV="1">
            <a:off x="4956069" y="4034498"/>
            <a:ext cx="771009" cy="107358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702B4849-2688-400D-B6C6-C9B14FC41681}"/>
              </a:ext>
            </a:extLst>
          </p:cNvPr>
          <p:cNvCxnSpPr>
            <a:cxnSpLocks/>
          </p:cNvCxnSpPr>
          <p:nvPr/>
        </p:nvCxnSpPr>
        <p:spPr bwMode="auto">
          <a:xfrm>
            <a:off x="7381554" y="4029100"/>
            <a:ext cx="1476051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6" name="TextBox 45">
            <a:extLst>
              <a:ext uri="{FF2B5EF4-FFF2-40B4-BE49-F238E27FC236}">
                <a16:creationId xmlns:a16="http://schemas.microsoft.com/office/drawing/2014/main" id="{AE9638D5-98D0-4169-8441-F25BB3BEE6E8}"/>
              </a:ext>
            </a:extLst>
          </p:cNvPr>
          <p:cNvSpPr txBox="1"/>
          <p:nvPr/>
        </p:nvSpPr>
        <p:spPr>
          <a:xfrm>
            <a:off x="8242865" y="3705064"/>
            <a:ext cx="991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o network</a:t>
            </a:r>
          </a:p>
        </p:txBody>
      </p:sp>
    </p:spTree>
    <p:extLst>
      <p:ext uri="{BB962C8B-B14F-4D97-AF65-F5344CB8AC3E}">
        <p14:creationId xmlns:p14="http://schemas.microsoft.com/office/powerpoint/2010/main" val="42449160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4800" dirty="0"/>
              <a:t>Periodic neural network </a:t>
            </a:r>
            <a:r>
              <a:rPr lang="en-GB" sz="4800" dirty="0" err="1"/>
              <a:t>Ansätze</a:t>
            </a:r>
            <a:endParaRPr lang="en-GB" sz="48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2400" dirty="0"/>
              <a:t>Max Wilson, *</a:t>
            </a:r>
            <a:r>
              <a:rPr lang="en-GB" sz="2400" dirty="0" err="1"/>
              <a:t>Saverio</a:t>
            </a:r>
            <a:r>
              <a:rPr lang="en-GB" sz="2400" dirty="0"/>
              <a:t> Moroni, </a:t>
            </a:r>
            <a:r>
              <a:rPr lang="en-GB" sz="2400" dirty="0" err="1"/>
              <a:t>Arghya</a:t>
            </a:r>
            <a:r>
              <a:rPr lang="en-GB" sz="2400" dirty="0"/>
              <a:t> Bhowmik, *Filip </a:t>
            </a:r>
            <a:r>
              <a:rPr lang="en-GB" sz="2400" dirty="0" err="1"/>
              <a:t>Wudarski</a:t>
            </a:r>
            <a:r>
              <a:rPr lang="en-GB" sz="2400" dirty="0"/>
              <a:t>, *Nicholas Gao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02FDFF2-4BB2-47F6-AB4F-8F74F5077A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26D84BAD-27E3-433F-94FE-10844D309F8F}"/>
              </a:ext>
            </a:extLst>
          </p:cNvPr>
          <p:cNvSpPr/>
          <p:nvPr/>
        </p:nvSpPr>
        <p:spPr bwMode="auto">
          <a:xfrm>
            <a:off x="1706910" y="2929136"/>
            <a:ext cx="2079848" cy="207984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60C63FAE-29DB-420A-B278-34C49640B561}"/>
              </a:ext>
            </a:extLst>
          </p:cNvPr>
          <p:cNvSpPr/>
          <p:nvPr/>
        </p:nvSpPr>
        <p:spPr bwMode="auto">
          <a:xfrm>
            <a:off x="2350790" y="2348880"/>
            <a:ext cx="1804392" cy="180439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98CFBF65-A360-498E-AD35-0E4AED5AB394}"/>
              </a:ext>
            </a:extLst>
          </p:cNvPr>
          <p:cNvCxnSpPr/>
          <p:nvPr/>
        </p:nvCxnSpPr>
        <p:spPr bwMode="auto">
          <a:xfrm flipV="1">
            <a:off x="1706910" y="2348879"/>
            <a:ext cx="643880" cy="580257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A4363F49-E8AF-4AE3-AA2A-55C60E31EFBD}"/>
              </a:ext>
            </a:extLst>
          </p:cNvPr>
          <p:cNvCxnSpPr/>
          <p:nvPr/>
        </p:nvCxnSpPr>
        <p:spPr bwMode="auto">
          <a:xfrm flipV="1">
            <a:off x="3786758" y="2348880"/>
            <a:ext cx="368424" cy="58025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B9D3CA77-3C4B-424A-A033-2A236CE2FE47}"/>
              </a:ext>
            </a:extLst>
          </p:cNvPr>
          <p:cNvCxnSpPr/>
          <p:nvPr/>
        </p:nvCxnSpPr>
        <p:spPr bwMode="auto">
          <a:xfrm flipV="1">
            <a:off x="3786758" y="4153272"/>
            <a:ext cx="368424" cy="855713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1E28637F-240D-412C-9A67-AE7952221302}"/>
              </a:ext>
            </a:extLst>
          </p:cNvPr>
          <p:cNvCxnSpPr/>
          <p:nvPr/>
        </p:nvCxnSpPr>
        <p:spPr bwMode="auto">
          <a:xfrm flipV="1">
            <a:off x="1706910" y="4153272"/>
            <a:ext cx="643880" cy="855713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8" name="Oval 17">
            <a:extLst>
              <a:ext uri="{FF2B5EF4-FFF2-40B4-BE49-F238E27FC236}">
                <a16:creationId xmlns:a16="http://schemas.microsoft.com/office/drawing/2014/main" id="{9DB71DF1-AF14-4AAF-A3DA-4F974FBC98DE}"/>
              </a:ext>
            </a:extLst>
          </p:cNvPr>
          <p:cNvSpPr/>
          <p:nvPr/>
        </p:nvSpPr>
        <p:spPr bwMode="auto">
          <a:xfrm>
            <a:off x="2861113" y="3582241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D0D83CA6-206E-436E-9B70-3624596EE963}"/>
              </a:ext>
            </a:extLst>
          </p:cNvPr>
          <p:cNvSpPr/>
          <p:nvPr/>
        </p:nvSpPr>
        <p:spPr bwMode="auto">
          <a:xfrm>
            <a:off x="1635939" y="4867043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23" name="Group 22">
            <a:extLst>
              <a:ext uri="{FF2B5EF4-FFF2-40B4-BE49-F238E27FC236}">
                <a16:creationId xmlns:a16="http://schemas.microsoft.com/office/drawing/2014/main" id="{C84A8965-2C1A-449D-A584-9626D822E983}"/>
              </a:ext>
            </a:extLst>
          </p:cNvPr>
          <p:cNvGrpSpPr/>
          <p:nvPr/>
        </p:nvGrpSpPr>
        <p:grpSpPr>
          <a:xfrm>
            <a:off x="3252986" y="3167927"/>
            <a:ext cx="166298" cy="166298"/>
            <a:chOff x="4921380" y="2239318"/>
            <a:chExt cx="360040" cy="360040"/>
          </a:xfrm>
        </p:grpSpPr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EB265DD5-187E-441F-A07F-5E2D8205C949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D8058D46-6E8F-46F4-ABD5-2815C392BA45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CEFD218-FAEF-44F9-823B-270B1C762DD7}"/>
              </a:ext>
            </a:extLst>
          </p:cNvPr>
          <p:cNvCxnSpPr/>
          <p:nvPr/>
        </p:nvCxnSpPr>
        <p:spPr bwMode="auto">
          <a:xfrm flipV="1">
            <a:off x="698798" y="1777008"/>
            <a:ext cx="4032448" cy="4176464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0C9B5606-55F3-4320-A2F0-706AC4F1038A}"/>
              </a:ext>
            </a:extLst>
          </p:cNvPr>
          <p:cNvSpPr txBox="1"/>
          <p:nvPr/>
        </p:nvSpPr>
        <p:spPr>
          <a:xfrm>
            <a:off x="5739358" y="2708920"/>
            <a:ext cx="5616624" cy="168251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Move target electron along dashed line (corner to corner)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Plot as a function of 1 dimension for ease (putting boundaries at 0.0 and </a:t>
            </a:r>
            <a:r>
              <a:rPr lang="en-US" dirty="0" err="1">
                <a:latin typeface="+mn-lt"/>
              </a:rPr>
              <a:t>unit_cell_length</a:t>
            </a:r>
            <a:r>
              <a:rPr lang="en-US" dirty="0">
                <a:latin typeface="+mn-lt"/>
              </a:rPr>
              <a:t>)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Electrons sampled randomly in 1</a:t>
            </a:r>
            <a:r>
              <a:rPr lang="en-US" baseline="30000" dirty="0">
                <a:latin typeface="+mn-lt"/>
              </a:rPr>
              <a:t>st</a:t>
            </a:r>
            <a:r>
              <a:rPr lang="en-US" dirty="0">
                <a:latin typeface="+mn-lt"/>
              </a:rPr>
              <a:t> experiment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Electrons sampled from wave function in 2</a:t>
            </a:r>
            <a:r>
              <a:rPr lang="en-US" baseline="30000" dirty="0">
                <a:latin typeface="+mn-lt"/>
              </a:rPr>
              <a:t>nd</a:t>
            </a:r>
            <a:r>
              <a:rPr lang="en-US" dirty="0">
                <a:latin typeface="+mn-lt"/>
              </a:rPr>
              <a:t> experiment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Place up/down electrons in path in 3</a:t>
            </a:r>
            <a:r>
              <a:rPr lang="en-US" baseline="30000" dirty="0">
                <a:latin typeface="+mn-lt"/>
              </a:rPr>
              <a:t>rd</a:t>
            </a:r>
            <a:r>
              <a:rPr lang="en-US" dirty="0">
                <a:latin typeface="+mn-lt"/>
              </a:rPr>
              <a:t> experiment</a:t>
            </a:r>
          </a:p>
        </p:txBody>
      </p:sp>
    </p:spTree>
    <p:extLst>
      <p:ext uri="{BB962C8B-B14F-4D97-AF65-F5344CB8AC3E}">
        <p14:creationId xmlns:p14="http://schemas.microsoft.com/office/powerpoint/2010/main" val="321938334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66C0B5-5ED1-4CD8-A060-9D1E5A0041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2678" y="188640"/>
            <a:ext cx="9312374" cy="972716"/>
          </a:xfrm>
        </p:spPr>
        <p:txBody>
          <a:bodyPr/>
          <a:lstStyle/>
          <a:p>
            <a:r>
              <a:rPr lang="en-US" dirty="0" err="1"/>
              <a:t>Whaddwe</a:t>
            </a:r>
            <a:r>
              <a:rPr lang="en-US" dirty="0"/>
              <a:t> got? Random electron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D9514D3-50E7-4613-B115-38274C895B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2B4AE8F-0156-46B9-9877-9831E4269DE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255446" y="260648"/>
            <a:ext cx="3036378" cy="147872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A7A33E0-F9C4-4B4D-923D-9E49634560C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78582" y="2348880"/>
            <a:ext cx="4213196" cy="3046465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765E7D7-20F8-4C12-B27F-E4C93887CB6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17119" y="2276872"/>
            <a:ext cx="4566947" cy="3272015"/>
          </a:xfrm>
          <a:prstGeom prst="rect">
            <a:avLst/>
          </a:prstGeom>
        </p:spPr>
      </p:pic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5C6A75AB-37D9-4FDA-BDC6-9B694CDE7633}"/>
              </a:ext>
            </a:extLst>
          </p:cNvPr>
          <p:cNvCxnSpPr/>
          <p:nvPr/>
        </p:nvCxnSpPr>
        <p:spPr bwMode="auto">
          <a:xfrm flipH="1">
            <a:off x="1126654" y="1412776"/>
            <a:ext cx="216024" cy="100811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58C0DA32-B86B-4794-8D77-2168E9B72EF9}"/>
              </a:ext>
            </a:extLst>
          </p:cNvPr>
          <p:cNvSpPr txBox="1"/>
          <p:nvPr/>
        </p:nvSpPr>
        <p:spPr>
          <a:xfrm>
            <a:off x="1460628" y="1295049"/>
            <a:ext cx="369847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Not very probable (because random)</a:t>
            </a:r>
          </a:p>
        </p:txBody>
      </p:sp>
    </p:spTree>
    <p:extLst>
      <p:ext uri="{BB962C8B-B14F-4D97-AF65-F5344CB8AC3E}">
        <p14:creationId xmlns:p14="http://schemas.microsoft.com/office/powerpoint/2010/main" val="3530410845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20DCD76-2F3C-44F0-8870-A1BB17D7E2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B3993F-59D3-4DD4-B866-E44F87E714F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051EB53-672A-48F7-817C-53581C2DB22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598" y="1949196"/>
            <a:ext cx="4095151" cy="295960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25BC0BA-19F9-4725-8736-6696B157618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79182" y="1916832"/>
            <a:ext cx="4680843" cy="34398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9307131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66C0B5-5ED1-4CD8-A060-9D1E5A0041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2678" y="188640"/>
            <a:ext cx="9312374" cy="972716"/>
          </a:xfrm>
        </p:spPr>
        <p:txBody>
          <a:bodyPr/>
          <a:lstStyle/>
          <a:p>
            <a:r>
              <a:rPr lang="en-US" dirty="0" err="1"/>
              <a:t>Whaddwe</a:t>
            </a:r>
            <a:r>
              <a:rPr lang="en-US" dirty="0"/>
              <a:t> got? Equilibrated electrons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D9514D3-50E7-4613-B115-38274C895B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A96F2CD-55B5-47B8-93AA-125FE1A69BD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598" y="2852936"/>
            <a:ext cx="4674826" cy="322382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72159F22-ADF6-424E-860A-D8DD660A61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31152" y="2761777"/>
            <a:ext cx="4771012" cy="340614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00EE59F3-B5FF-4FEC-BDE6-7C7458E15DF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502540" y="182813"/>
            <a:ext cx="3219060" cy="1598235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01AA332-F860-4B07-9DA8-ABD12C32BB04}"/>
              </a:ext>
            </a:extLst>
          </p:cNvPr>
          <p:cNvSpPr txBox="1"/>
          <p:nvPr/>
        </p:nvSpPr>
        <p:spPr>
          <a:xfrm>
            <a:off x="550590" y="1484784"/>
            <a:ext cx="424847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- First electron moved to line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85C17603-903F-4571-AFFE-8EEBA83310A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503690" y="188640"/>
            <a:ext cx="3219060" cy="1598235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EA969655-28FF-4A0D-BE26-F1E3FFE40DF2}"/>
              </a:ext>
            </a:extLst>
          </p:cNvPr>
          <p:cNvSpPr txBox="1"/>
          <p:nvPr/>
        </p:nvSpPr>
        <p:spPr>
          <a:xfrm>
            <a:off x="551740" y="1490611"/>
            <a:ext cx="424847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- First electron moved to line</a:t>
            </a:r>
          </a:p>
        </p:txBody>
      </p:sp>
    </p:spTree>
    <p:extLst>
      <p:ext uri="{BB962C8B-B14F-4D97-AF65-F5344CB8AC3E}">
        <p14:creationId xmlns:p14="http://schemas.microsoft.com/office/powerpoint/2010/main" val="19466974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885E465-2223-4EA7-8545-105A8A266E5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34A0B46-8755-43EA-98DB-E28200FB913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38622" y="1721839"/>
            <a:ext cx="4823407" cy="341432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663125A-D2B3-4CD9-A768-D4B25B3CE7C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11230" y="1484784"/>
            <a:ext cx="4469853" cy="39464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1185928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50A480-0447-4E35-8B69-C9AF826883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-99392"/>
            <a:ext cx="9312374" cy="972716"/>
          </a:xfrm>
        </p:spPr>
        <p:txBody>
          <a:bodyPr/>
          <a:lstStyle/>
          <a:p>
            <a:r>
              <a:rPr lang="en-US" dirty="0"/>
              <a:t>Electrons in lin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1476FF-7C6D-4037-B6A5-4E4B35A5503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F471CB9-A281-4964-B716-748DF0A1B0A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655221" y="116632"/>
            <a:ext cx="6521043" cy="322382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F5E7DE4-702A-449E-BA10-E8E13417651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91089" y="3249011"/>
            <a:ext cx="6087606" cy="301714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91BB51A7-0B6F-440C-B59E-052EAF5E71C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59640" y="1196752"/>
            <a:ext cx="3219060" cy="1598235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9FA81F59-3B12-41C0-A207-7FDD43B31C4A}"/>
              </a:ext>
            </a:extLst>
          </p:cNvPr>
          <p:cNvSpPr txBox="1"/>
          <p:nvPr/>
        </p:nvSpPr>
        <p:spPr>
          <a:xfrm>
            <a:off x="388815" y="3182779"/>
            <a:ext cx="4248472" cy="10874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First electron moved to line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Second electron moved 25% along line (between corners of cell)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Fourth electron moved 75% along line</a:t>
            </a:r>
          </a:p>
        </p:txBody>
      </p:sp>
    </p:spTree>
    <p:extLst>
      <p:ext uri="{BB962C8B-B14F-4D97-AF65-F5344CB8AC3E}">
        <p14:creationId xmlns:p14="http://schemas.microsoft.com/office/powerpoint/2010/main" val="242704784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C390A8-D2E8-4982-A3DF-ADEF96B91CC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0A1D36E-BC1B-46B1-A438-CD4F6145DD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14886" y="188640"/>
            <a:ext cx="5981335" cy="304590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8D0EA94D-B311-43EE-AC73-C6C89DCB148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66986" y="3234544"/>
            <a:ext cx="5656440" cy="28232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6533355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6837CA-7C3B-4A51-A99A-301043AEB04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7ECBCD1-98C8-4B87-8B57-3B5F4CB4256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-1182" r="56289" b="30770"/>
          <a:stretch/>
        </p:blipFill>
        <p:spPr>
          <a:xfrm>
            <a:off x="467663" y="1268760"/>
            <a:ext cx="6192688" cy="410686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43EF835-C47D-4835-BC7A-786803A66B8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86676" y="1412776"/>
            <a:ext cx="5123476" cy="676992"/>
          </a:xfrm>
          <a:prstGeom prst="rect">
            <a:avLst/>
          </a:prstGeom>
        </p:spPr>
      </p:pic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AE2F3F4-7377-4A89-A5C9-EA7FCD5A3581}"/>
              </a:ext>
            </a:extLst>
          </p:cNvPr>
          <p:cNvCxnSpPr/>
          <p:nvPr/>
        </p:nvCxnSpPr>
        <p:spPr bwMode="auto">
          <a:xfrm>
            <a:off x="1054646" y="2852936"/>
            <a:ext cx="5328592" cy="0"/>
          </a:xfrm>
          <a:prstGeom prst="line">
            <a:avLst/>
          </a:prstGeom>
          <a:solidFill>
            <a:schemeClr val="accent1"/>
          </a:solidFill>
          <a:ln w="50800" cap="flat" cmpd="sng" algn="ctr">
            <a:solidFill>
              <a:srgbClr val="FF0000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989207433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930B5-C54A-4032-91F6-D4B11486C8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the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103C15F-9E79-4CA3-BCA0-20B8B2BCE01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B8E1797-E2DA-4916-8D9A-76F192BAAE1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582" y="1988840"/>
            <a:ext cx="5144218" cy="384863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A668C79-B4F1-4B1A-BB89-67FCD29E47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60518" y="2292537"/>
            <a:ext cx="4893712" cy="1771058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4EDE165-450A-4226-BE62-E975A4DBA626}"/>
              </a:ext>
            </a:extLst>
          </p:cNvPr>
          <p:cNvSpPr txBox="1"/>
          <p:nvPr/>
        </p:nvSpPr>
        <p:spPr>
          <a:xfrm>
            <a:off x="6671270" y="4365104"/>
            <a:ext cx="5072208" cy="128240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Si = Scalar inputs (the inputs are reduced to the distances between particles)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Np = number periodic (the number of sin functions applied to the inputs, when the input is scalar no sin function is applied though it says np1)</a:t>
            </a:r>
          </a:p>
        </p:txBody>
      </p:sp>
    </p:spTree>
    <p:extLst>
      <p:ext uri="{BB962C8B-B14F-4D97-AF65-F5344CB8AC3E}">
        <p14:creationId xmlns:p14="http://schemas.microsoft.com/office/powerpoint/2010/main" val="62809976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8771376-1900-4281-A970-72F42B091CA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83CD421-1136-4EFA-AC0C-EA1431159D4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74926" y="404664"/>
            <a:ext cx="5182323" cy="59063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20166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81788"/>
            <a:ext cx="9312374" cy="972716"/>
          </a:xfrm>
        </p:spPr>
        <p:txBody>
          <a:bodyPr/>
          <a:lstStyle/>
          <a:p>
            <a:r>
              <a:rPr lang="en-GB" dirty="0"/>
              <a:t>Wave function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38822" y="1238368"/>
            <a:ext cx="7632848" cy="408687"/>
          </a:xfrm>
        </p:spPr>
        <p:txBody>
          <a:bodyPr/>
          <a:lstStyle/>
          <a:p>
            <a:r>
              <a:rPr lang="en-GB" sz="2000" dirty="0"/>
              <a:t>Task: Learn a model of the ground state of a metallic system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20" name="Content Placeholder 5">
            <a:extLst>
              <a:ext uri="{FF2B5EF4-FFF2-40B4-BE49-F238E27FC236}">
                <a16:creationId xmlns:a16="http://schemas.microsoft.com/office/drawing/2014/main" id="{3EF59975-2196-4EF1-BFCA-42F1A31B2D7F}"/>
              </a:ext>
            </a:extLst>
          </p:cNvPr>
          <p:cNvSpPr txBox="1">
            <a:spLocks/>
          </p:cNvSpPr>
          <p:nvPr/>
        </p:nvSpPr>
        <p:spPr bwMode="auto">
          <a:xfrm>
            <a:off x="5796105" y="2977960"/>
            <a:ext cx="6667423" cy="179460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kern="0" dirty="0"/>
              <a:t>The model must be</a:t>
            </a:r>
          </a:p>
          <a:p>
            <a:pPr lvl="1"/>
            <a:r>
              <a:rPr lang="en-GB" kern="0" dirty="0"/>
              <a:t>Periodic</a:t>
            </a:r>
          </a:p>
          <a:p>
            <a:pPr lvl="1"/>
            <a:r>
              <a:rPr lang="en-GB" kern="0" dirty="0"/>
              <a:t>Antisymmetric (fermionic)</a:t>
            </a:r>
          </a:p>
          <a:p>
            <a:pPr lvl="1"/>
            <a:r>
              <a:rPr lang="en-GB" kern="0" dirty="0"/>
              <a:t>Continuous (first- and second- order derivatives)</a:t>
            </a:r>
          </a:p>
          <a:p>
            <a:pPr marL="0" indent="0">
              <a:buFontTx/>
              <a:buNone/>
            </a:pPr>
            <a:endParaRPr lang="en-GB" kern="0" dirty="0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3D485BE7-CE90-455A-98A7-025CA98AE5BD}"/>
              </a:ext>
            </a:extLst>
          </p:cNvPr>
          <p:cNvSpPr/>
          <p:nvPr/>
        </p:nvSpPr>
        <p:spPr bwMode="auto">
          <a:xfrm>
            <a:off x="1486694" y="3573016"/>
            <a:ext cx="1616907" cy="1634690"/>
          </a:xfrm>
          <a:prstGeom prst="rect">
            <a:avLst/>
          </a:prstGeom>
          <a:noFill/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5FAEFE6E-789B-4720-8985-D65949572FEF}"/>
              </a:ext>
            </a:extLst>
          </p:cNvPr>
          <p:cNvCxnSpPr>
            <a:cxnSpLocks/>
          </p:cNvCxnSpPr>
          <p:nvPr/>
        </p:nvCxnSpPr>
        <p:spPr bwMode="auto">
          <a:xfrm>
            <a:off x="3103601" y="2483442"/>
            <a:ext cx="0" cy="3225061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77635938-151B-423F-871B-5712086114F8}"/>
              </a:ext>
            </a:extLst>
          </p:cNvPr>
          <p:cNvCxnSpPr>
            <a:cxnSpLocks/>
          </p:cNvCxnSpPr>
          <p:nvPr/>
        </p:nvCxnSpPr>
        <p:spPr bwMode="auto">
          <a:xfrm>
            <a:off x="1202780" y="5207706"/>
            <a:ext cx="3517728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E64B936E-CBC5-4B7C-974B-8D1A785548D2}"/>
              </a:ext>
            </a:extLst>
          </p:cNvPr>
          <p:cNvCxnSpPr>
            <a:cxnSpLocks/>
          </p:cNvCxnSpPr>
          <p:nvPr/>
        </p:nvCxnSpPr>
        <p:spPr bwMode="auto">
          <a:xfrm flipH="1">
            <a:off x="1486692" y="3224923"/>
            <a:ext cx="4121" cy="2447576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73A31D25-3E7A-4FB5-BA92-95D044D19BB3}"/>
              </a:ext>
            </a:extLst>
          </p:cNvPr>
          <p:cNvCxnSpPr>
            <a:cxnSpLocks/>
          </p:cNvCxnSpPr>
          <p:nvPr/>
        </p:nvCxnSpPr>
        <p:spPr bwMode="auto">
          <a:xfrm>
            <a:off x="1202780" y="3583648"/>
            <a:ext cx="3528394" cy="1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Oval 28">
            <a:extLst>
              <a:ext uri="{FF2B5EF4-FFF2-40B4-BE49-F238E27FC236}">
                <a16:creationId xmlns:a16="http://schemas.microsoft.com/office/drawing/2014/main" id="{7C4463E6-DF25-4310-920F-B9CE3CB0275B}"/>
              </a:ext>
            </a:extLst>
          </p:cNvPr>
          <p:cNvSpPr/>
          <p:nvPr/>
        </p:nvSpPr>
        <p:spPr bwMode="auto">
          <a:xfrm>
            <a:off x="1922859" y="3999397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A1BE287F-7789-4FEF-A70C-6F051A4DE807}"/>
              </a:ext>
            </a:extLst>
          </p:cNvPr>
          <p:cNvSpPr/>
          <p:nvPr/>
        </p:nvSpPr>
        <p:spPr bwMode="auto">
          <a:xfrm>
            <a:off x="2808163" y="4803008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49F3A434-6FC7-41E0-856B-440E73404FD5}"/>
              </a:ext>
            </a:extLst>
          </p:cNvPr>
          <p:cNvGrpSpPr/>
          <p:nvPr/>
        </p:nvGrpSpPr>
        <p:grpSpPr>
          <a:xfrm>
            <a:off x="2101406" y="4631323"/>
            <a:ext cx="166298" cy="166298"/>
            <a:chOff x="4921380" y="2239318"/>
            <a:chExt cx="360040" cy="360040"/>
          </a:xfrm>
        </p:grpSpPr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164C9606-71B0-422C-A560-F3F2AD00E526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466FF6AB-FCD0-4D8B-991B-B58F9EE33277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7DAA623C-9C91-40FC-98F3-486354467DFB}"/>
              </a:ext>
            </a:extLst>
          </p:cNvPr>
          <p:cNvGrpSpPr/>
          <p:nvPr/>
        </p:nvGrpSpPr>
        <p:grpSpPr>
          <a:xfrm>
            <a:off x="2435817" y="3719990"/>
            <a:ext cx="166298" cy="166298"/>
            <a:chOff x="4921380" y="2239318"/>
            <a:chExt cx="360040" cy="360040"/>
          </a:xfrm>
        </p:grpSpPr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794A4924-89CE-4CDF-B81E-5C16F7E372D9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1606E5A-3687-4C3C-87EA-9622250F0173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800B8824-CB90-436E-AEC1-447EAE285A66}"/>
              </a:ext>
            </a:extLst>
          </p:cNvPr>
          <p:cNvCxnSpPr>
            <a:cxnSpLocks/>
            <a:endCxn id="29" idx="3"/>
          </p:cNvCxnSpPr>
          <p:nvPr/>
        </p:nvCxnSpPr>
        <p:spPr bwMode="auto">
          <a:xfrm flipV="1">
            <a:off x="1486694" y="4120551"/>
            <a:ext cx="456952" cy="10871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9" name="Straight Arrow Connector 78">
            <a:extLst>
              <a:ext uri="{FF2B5EF4-FFF2-40B4-BE49-F238E27FC236}">
                <a16:creationId xmlns:a16="http://schemas.microsoft.com/office/drawing/2014/main" id="{0139E797-10FF-4EE2-A34C-AEE200D81E29}"/>
              </a:ext>
            </a:extLst>
          </p:cNvPr>
          <p:cNvCxnSpPr/>
          <p:nvPr/>
        </p:nvCxnSpPr>
        <p:spPr bwMode="auto">
          <a:xfrm flipV="1">
            <a:off x="1486693" y="4693452"/>
            <a:ext cx="669490" cy="51425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2" name="Straight Arrow Connector 81">
            <a:extLst>
              <a:ext uri="{FF2B5EF4-FFF2-40B4-BE49-F238E27FC236}">
                <a16:creationId xmlns:a16="http://schemas.microsoft.com/office/drawing/2014/main" id="{ACC0F5D8-339E-482B-ADE6-81FA639F3B7F}"/>
              </a:ext>
            </a:extLst>
          </p:cNvPr>
          <p:cNvCxnSpPr>
            <a:cxnSpLocks/>
            <a:endCxn id="30" idx="3"/>
          </p:cNvCxnSpPr>
          <p:nvPr/>
        </p:nvCxnSpPr>
        <p:spPr bwMode="auto">
          <a:xfrm flipV="1">
            <a:off x="1498542" y="4924162"/>
            <a:ext cx="1330408" cy="2573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3526FADE-D554-49F3-A829-C491EF134818}"/>
              </a:ext>
            </a:extLst>
          </p:cNvPr>
          <p:cNvCxnSpPr/>
          <p:nvPr/>
        </p:nvCxnSpPr>
        <p:spPr bwMode="auto">
          <a:xfrm flipV="1">
            <a:off x="1501101" y="3800439"/>
            <a:ext cx="987419" cy="139303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1" name="Oval 90">
            <a:extLst>
              <a:ext uri="{FF2B5EF4-FFF2-40B4-BE49-F238E27FC236}">
                <a16:creationId xmlns:a16="http://schemas.microsoft.com/office/drawing/2014/main" id="{E363047D-1B0F-4DC8-ADB0-508F6509E883}"/>
              </a:ext>
            </a:extLst>
          </p:cNvPr>
          <p:cNvSpPr/>
          <p:nvPr/>
        </p:nvSpPr>
        <p:spPr bwMode="auto">
          <a:xfrm>
            <a:off x="3557835" y="5636494"/>
            <a:ext cx="141941" cy="141941"/>
          </a:xfrm>
          <a:prstGeom prst="ellipse">
            <a:avLst/>
          </a:prstGeom>
          <a:solidFill>
            <a:schemeClr val="accent1">
              <a:alpha val="50000"/>
            </a:schemeClr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96" name="Group 95">
            <a:extLst>
              <a:ext uri="{FF2B5EF4-FFF2-40B4-BE49-F238E27FC236}">
                <a16:creationId xmlns:a16="http://schemas.microsoft.com/office/drawing/2014/main" id="{2DB3A3CF-A984-4AAA-8E81-70F73222FF66}"/>
              </a:ext>
            </a:extLst>
          </p:cNvPr>
          <p:cNvGrpSpPr/>
          <p:nvPr/>
        </p:nvGrpSpPr>
        <p:grpSpPr>
          <a:xfrm>
            <a:off x="4070793" y="5357087"/>
            <a:ext cx="166298" cy="166298"/>
            <a:chOff x="4921380" y="2239318"/>
            <a:chExt cx="360040" cy="360040"/>
          </a:xfrm>
        </p:grpSpPr>
        <p:cxnSp>
          <p:nvCxnSpPr>
            <p:cNvPr id="97" name="Straight Connector 96">
              <a:extLst>
                <a:ext uri="{FF2B5EF4-FFF2-40B4-BE49-F238E27FC236}">
                  <a16:creationId xmlns:a16="http://schemas.microsoft.com/office/drawing/2014/main" id="{1272B885-D4DC-4E07-B7A0-CD443643E913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8" name="Straight Connector 97">
              <a:extLst>
                <a:ext uri="{FF2B5EF4-FFF2-40B4-BE49-F238E27FC236}">
                  <a16:creationId xmlns:a16="http://schemas.microsoft.com/office/drawing/2014/main" id="{EC9A2105-DA53-4834-8704-5A906CAA13B8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99" name="Oval 98">
            <a:extLst>
              <a:ext uri="{FF2B5EF4-FFF2-40B4-BE49-F238E27FC236}">
                <a16:creationId xmlns:a16="http://schemas.microsoft.com/office/drawing/2014/main" id="{CDD44B02-FF34-4027-B437-4526649FB5B7}"/>
              </a:ext>
            </a:extLst>
          </p:cNvPr>
          <p:cNvSpPr/>
          <p:nvPr/>
        </p:nvSpPr>
        <p:spPr bwMode="auto">
          <a:xfrm>
            <a:off x="3551928" y="4004785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0" name="Oval 99">
            <a:extLst>
              <a:ext uri="{FF2B5EF4-FFF2-40B4-BE49-F238E27FC236}">
                <a16:creationId xmlns:a16="http://schemas.microsoft.com/office/drawing/2014/main" id="{E4D5E848-FD6E-426E-876B-7D5BD4CC3904}"/>
              </a:ext>
            </a:extLst>
          </p:cNvPr>
          <p:cNvSpPr/>
          <p:nvPr/>
        </p:nvSpPr>
        <p:spPr bwMode="auto">
          <a:xfrm>
            <a:off x="4437232" y="4808396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101" name="Group 100">
            <a:extLst>
              <a:ext uri="{FF2B5EF4-FFF2-40B4-BE49-F238E27FC236}">
                <a16:creationId xmlns:a16="http://schemas.microsoft.com/office/drawing/2014/main" id="{EDCE62A0-3A71-4AA6-A4DC-FADD61AAAFED}"/>
              </a:ext>
            </a:extLst>
          </p:cNvPr>
          <p:cNvGrpSpPr/>
          <p:nvPr/>
        </p:nvGrpSpPr>
        <p:grpSpPr>
          <a:xfrm>
            <a:off x="3730475" y="4636711"/>
            <a:ext cx="166298" cy="166298"/>
            <a:chOff x="4921380" y="2239318"/>
            <a:chExt cx="360040" cy="360040"/>
          </a:xfrm>
        </p:grpSpPr>
        <p:cxnSp>
          <p:nvCxnSpPr>
            <p:cNvPr id="102" name="Straight Connector 101">
              <a:extLst>
                <a:ext uri="{FF2B5EF4-FFF2-40B4-BE49-F238E27FC236}">
                  <a16:creationId xmlns:a16="http://schemas.microsoft.com/office/drawing/2014/main" id="{9838FEDD-49BD-4301-88F0-801148447B2B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3" name="Straight Connector 102">
              <a:extLst>
                <a:ext uri="{FF2B5EF4-FFF2-40B4-BE49-F238E27FC236}">
                  <a16:creationId xmlns:a16="http://schemas.microsoft.com/office/drawing/2014/main" id="{6AC492B5-D794-4184-B3DE-880A76366E0C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104" name="Group 103">
            <a:extLst>
              <a:ext uri="{FF2B5EF4-FFF2-40B4-BE49-F238E27FC236}">
                <a16:creationId xmlns:a16="http://schemas.microsoft.com/office/drawing/2014/main" id="{B5ACE788-A288-486D-8D60-54D090D9AB10}"/>
              </a:ext>
            </a:extLst>
          </p:cNvPr>
          <p:cNvGrpSpPr/>
          <p:nvPr/>
        </p:nvGrpSpPr>
        <p:grpSpPr>
          <a:xfrm>
            <a:off x="4064886" y="3725378"/>
            <a:ext cx="166298" cy="166298"/>
            <a:chOff x="4921380" y="2239318"/>
            <a:chExt cx="360040" cy="360040"/>
          </a:xfrm>
        </p:grpSpPr>
        <p:cxnSp>
          <p:nvCxnSpPr>
            <p:cNvPr id="105" name="Straight Connector 104">
              <a:extLst>
                <a:ext uri="{FF2B5EF4-FFF2-40B4-BE49-F238E27FC236}">
                  <a16:creationId xmlns:a16="http://schemas.microsoft.com/office/drawing/2014/main" id="{1001CDF5-3CE3-46A1-872F-D3B6913C20A5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6" name="Straight Connector 105">
              <a:extLst>
                <a:ext uri="{FF2B5EF4-FFF2-40B4-BE49-F238E27FC236}">
                  <a16:creationId xmlns:a16="http://schemas.microsoft.com/office/drawing/2014/main" id="{89B7BAEE-CEDB-4A9F-B7D7-60458D7F8D1C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107" name="Oval 106">
            <a:extLst>
              <a:ext uri="{FF2B5EF4-FFF2-40B4-BE49-F238E27FC236}">
                <a16:creationId xmlns:a16="http://schemas.microsoft.com/office/drawing/2014/main" id="{7865AE4D-CA80-458F-8654-4303DD606C53}"/>
              </a:ext>
            </a:extLst>
          </p:cNvPr>
          <p:cNvSpPr/>
          <p:nvPr/>
        </p:nvSpPr>
        <p:spPr bwMode="auto">
          <a:xfrm>
            <a:off x="3551928" y="2483441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8" name="Oval 107">
            <a:extLst>
              <a:ext uri="{FF2B5EF4-FFF2-40B4-BE49-F238E27FC236}">
                <a16:creationId xmlns:a16="http://schemas.microsoft.com/office/drawing/2014/main" id="{45F1475D-3C1F-4CD6-85D1-407079F5013B}"/>
              </a:ext>
            </a:extLst>
          </p:cNvPr>
          <p:cNvSpPr/>
          <p:nvPr/>
        </p:nvSpPr>
        <p:spPr bwMode="auto">
          <a:xfrm>
            <a:off x="4437232" y="3287052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109" name="Group 108">
            <a:extLst>
              <a:ext uri="{FF2B5EF4-FFF2-40B4-BE49-F238E27FC236}">
                <a16:creationId xmlns:a16="http://schemas.microsoft.com/office/drawing/2014/main" id="{A71B0BA1-3F62-48D7-9F7B-8630C5BE15EA}"/>
              </a:ext>
            </a:extLst>
          </p:cNvPr>
          <p:cNvGrpSpPr/>
          <p:nvPr/>
        </p:nvGrpSpPr>
        <p:grpSpPr>
          <a:xfrm>
            <a:off x="3730475" y="3115367"/>
            <a:ext cx="166298" cy="166298"/>
            <a:chOff x="4921380" y="2239318"/>
            <a:chExt cx="360040" cy="360040"/>
          </a:xfrm>
        </p:grpSpPr>
        <p:cxnSp>
          <p:nvCxnSpPr>
            <p:cNvPr id="110" name="Straight Connector 109">
              <a:extLst>
                <a:ext uri="{FF2B5EF4-FFF2-40B4-BE49-F238E27FC236}">
                  <a16:creationId xmlns:a16="http://schemas.microsoft.com/office/drawing/2014/main" id="{4FCEFC88-341B-49B7-A0CE-B6DFA943238D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1" name="Straight Connector 110">
              <a:extLst>
                <a:ext uri="{FF2B5EF4-FFF2-40B4-BE49-F238E27FC236}">
                  <a16:creationId xmlns:a16="http://schemas.microsoft.com/office/drawing/2014/main" id="{0B35A669-9642-4F1B-89C9-9CDB42CC0D95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112" name="Group 111">
            <a:extLst>
              <a:ext uri="{FF2B5EF4-FFF2-40B4-BE49-F238E27FC236}">
                <a16:creationId xmlns:a16="http://schemas.microsoft.com/office/drawing/2014/main" id="{911C8BCC-6B32-47E5-BE6D-0C2C5C60E3C5}"/>
              </a:ext>
            </a:extLst>
          </p:cNvPr>
          <p:cNvGrpSpPr/>
          <p:nvPr/>
        </p:nvGrpSpPr>
        <p:grpSpPr>
          <a:xfrm>
            <a:off x="4064886" y="2204034"/>
            <a:ext cx="166298" cy="166298"/>
            <a:chOff x="4921380" y="2239318"/>
            <a:chExt cx="360040" cy="360040"/>
          </a:xfrm>
        </p:grpSpPr>
        <p:cxnSp>
          <p:nvCxnSpPr>
            <p:cNvPr id="113" name="Straight Connector 112">
              <a:extLst>
                <a:ext uri="{FF2B5EF4-FFF2-40B4-BE49-F238E27FC236}">
                  <a16:creationId xmlns:a16="http://schemas.microsoft.com/office/drawing/2014/main" id="{5351F821-9803-4EDB-A571-A4090E6CD91B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4" name="Straight Connector 113">
              <a:extLst>
                <a:ext uri="{FF2B5EF4-FFF2-40B4-BE49-F238E27FC236}">
                  <a16:creationId xmlns:a16="http://schemas.microsoft.com/office/drawing/2014/main" id="{1F19CAF3-65F4-40C1-80E1-9EAEE770C1D6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115" name="TextBox 114">
            <a:extLst>
              <a:ext uri="{FF2B5EF4-FFF2-40B4-BE49-F238E27FC236}">
                <a16:creationId xmlns:a16="http://schemas.microsoft.com/office/drawing/2014/main" id="{B93AFAD9-690B-46EB-9A58-130DA0C148E0}"/>
              </a:ext>
            </a:extLst>
          </p:cNvPr>
          <p:cNvSpPr txBox="1"/>
          <p:nvPr/>
        </p:nvSpPr>
        <p:spPr>
          <a:xfrm flipH="1">
            <a:off x="2209485" y="3085187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5C37189D-A5A6-4FE2-BAD9-DFBA24A29BFE}"/>
              </a:ext>
            </a:extLst>
          </p:cNvPr>
          <p:cNvSpPr txBox="1"/>
          <p:nvPr/>
        </p:nvSpPr>
        <p:spPr>
          <a:xfrm flipH="1">
            <a:off x="978990" y="4151988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sp>
        <p:nvSpPr>
          <p:cNvPr id="144" name="TextBox 143">
            <a:extLst>
              <a:ext uri="{FF2B5EF4-FFF2-40B4-BE49-F238E27FC236}">
                <a16:creationId xmlns:a16="http://schemas.microsoft.com/office/drawing/2014/main" id="{C89B1F3D-28B2-402B-917F-FBB877EB8572}"/>
              </a:ext>
            </a:extLst>
          </p:cNvPr>
          <p:cNvSpPr txBox="1"/>
          <p:nvPr/>
        </p:nvSpPr>
        <p:spPr>
          <a:xfrm flipH="1">
            <a:off x="2183423" y="5328264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BDA8D4B-24B6-4020-9ECC-9A028CDD7D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4606" y="3089286"/>
            <a:ext cx="9312374" cy="972716"/>
          </a:xfrm>
        </p:spPr>
        <p:txBody>
          <a:bodyPr/>
          <a:lstStyle/>
          <a:p>
            <a:r>
              <a:rPr lang="en-US" dirty="0"/>
              <a:t>Extra: </a:t>
            </a:r>
            <a:br>
              <a:rPr lang="en-US" dirty="0"/>
            </a:br>
            <a:r>
              <a:rPr lang="en-US" dirty="0"/>
              <a:t>Shifted </a:t>
            </a:r>
            <a:br>
              <a:rPr lang="en-US" dirty="0"/>
            </a:br>
            <a:r>
              <a:rPr lang="en-US" dirty="0"/>
              <a:t>mic/inputs </a:t>
            </a:r>
            <a:br>
              <a:rPr lang="en-US" dirty="0"/>
            </a:br>
            <a:r>
              <a:rPr lang="en-US" dirty="0"/>
              <a:t>tes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E5DBC4-C7EC-4703-8C38-6EB3C321C0B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40652C0-C480-42A2-88C9-41A98E09B9E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77300" y="44624"/>
            <a:ext cx="4409105" cy="315727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4597B4CA-0E30-4698-948B-E83F99E0DC1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926854" y="3089286"/>
            <a:ext cx="4458958" cy="3196048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B9C1BEB-0ED6-41DE-A36A-DF4EB85ADB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535366" y="5195"/>
            <a:ext cx="4298324" cy="3146196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BEE8EAEE-A9CA-4BC3-965F-FF57B3C5077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60148" y="3140968"/>
            <a:ext cx="4248473" cy="31683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3163221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A2A2F7-D223-420B-BB42-4A2112A001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11/10/21 – Project summary and pla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0B486AF-B8FD-424A-96F3-9EAEF794ABE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Current sanity checks and conclusions</a:t>
            </a:r>
          </a:p>
          <a:p>
            <a:r>
              <a:rPr lang="en-US" dirty="0"/>
              <a:t>Pla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2EF352-8EE7-4637-9691-BCA833E789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76302177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E767FE-0392-41C1-86A6-815A8AFB600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FT Magnitude of finite size effec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5FF329D-9E64-4D13-AA04-F2FDC6DC9AC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2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AE7DA21-1B7E-4B5E-90FF-45287EDE8AA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598" y="2060848"/>
            <a:ext cx="4919532" cy="3586068"/>
          </a:xfrm>
          <a:prstGeom prst="rect">
            <a:avLst/>
          </a:prstGeom>
        </p:spPr>
      </p:pic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F7DC95E1-8B75-4B93-BE20-67D9378E42E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527254" y="1706400"/>
            <a:ext cx="4559920" cy="4545578"/>
          </a:xfrm>
        </p:spPr>
        <p:txBody>
          <a:bodyPr/>
          <a:lstStyle/>
          <a:p>
            <a:r>
              <a:rPr lang="en-US" dirty="0"/>
              <a:t>4ev = 2ev per atom = 0.075 Hartree </a:t>
            </a:r>
          </a:p>
          <a:p>
            <a:r>
              <a:rPr lang="en-US" dirty="0"/>
              <a:t>1-2 Hartree effect with current </a:t>
            </a:r>
            <a:r>
              <a:rPr lang="en-US" dirty="0" err="1"/>
              <a:t>nn</a:t>
            </a:r>
            <a:r>
              <a:rPr lang="en-US" dirty="0"/>
              <a:t> ansatz code (factor 10 off)</a:t>
            </a:r>
          </a:p>
        </p:txBody>
      </p:sp>
    </p:spTree>
    <p:extLst>
      <p:ext uri="{BB962C8B-B14F-4D97-AF65-F5344CB8AC3E}">
        <p14:creationId xmlns:p14="http://schemas.microsoft.com/office/powerpoint/2010/main" val="931440033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F8E288-1080-4913-8E80-23D87CBA3B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anslating the system inside the toru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CFAE0C-7857-43B9-B985-B2847D27C59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3</a:t>
            </a:fld>
            <a:endParaRPr lang="en-GB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EBF4FA-538C-4923-A675-AC25303AD0D9}"/>
              </a:ext>
            </a:extLst>
          </p:cNvPr>
          <p:cNvSpPr/>
          <p:nvPr/>
        </p:nvSpPr>
        <p:spPr bwMode="auto">
          <a:xfrm>
            <a:off x="1486694" y="3573016"/>
            <a:ext cx="1616907" cy="1634690"/>
          </a:xfrm>
          <a:prstGeom prst="rect">
            <a:avLst/>
          </a:prstGeom>
          <a:noFill/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8504872E-64F2-473F-AC2C-201E6D30EA47}"/>
              </a:ext>
            </a:extLst>
          </p:cNvPr>
          <p:cNvCxnSpPr>
            <a:cxnSpLocks/>
          </p:cNvCxnSpPr>
          <p:nvPr/>
        </p:nvCxnSpPr>
        <p:spPr bwMode="auto">
          <a:xfrm flipH="1">
            <a:off x="1486692" y="3224923"/>
            <a:ext cx="4121" cy="2447576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7" name="Oval 6">
            <a:extLst>
              <a:ext uri="{FF2B5EF4-FFF2-40B4-BE49-F238E27FC236}">
                <a16:creationId xmlns:a16="http://schemas.microsoft.com/office/drawing/2014/main" id="{2985759E-7DA0-400D-8D76-BB6EF0554F10}"/>
              </a:ext>
            </a:extLst>
          </p:cNvPr>
          <p:cNvSpPr/>
          <p:nvPr/>
        </p:nvSpPr>
        <p:spPr bwMode="auto">
          <a:xfrm>
            <a:off x="2209485" y="4307212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9D980ED-246A-45D3-8472-AB4F5300FC06}"/>
              </a:ext>
            </a:extLst>
          </p:cNvPr>
          <p:cNvSpPr/>
          <p:nvPr/>
        </p:nvSpPr>
        <p:spPr bwMode="auto">
          <a:xfrm>
            <a:off x="1412804" y="5136735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EEFA9225-8368-4B34-B9D2-F00F02FEC8DE}"/>
              </a:ext>
            </a:extLst>
          </p:cNvPr>
          <p:cNvGrpSpPr/>
          <p:nvPr/>
        </p:nvGrpSpPr>
        <p:grpSpPr>
          <a:xfrm>
            <a:off x="1670820" y="4224063"/>
            <a:ext cx="166298" cy="166298"/>
            <a:chOff x="4921380" y="2239318"/>
            <a:chExt cx="360040" cy="360040"/>
          </a:xfrm>
        </p:grpSpPr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C51ADD6D-1869-43EC-8F64-04825C66B9D1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E54C99B2-86A4-4ADB-A3D1-6A8554C1ADE1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1D6A95EF-A929-48DF-A9DB-7DCA763AD81B}"/>
              </a:ext>
            </a:extLst>
          </p:cNvPr>
          <p:cNvGrpSpPr/>
          <p:nvPr/>
        </p:nvGrpSpPr>
        <p:grpSpPr>
          <a:xfrm>
            <a:off x="2435817" y="3719990"/>
            <a:ext cx="166298" cy="166298"/>
            <a:chOff x="4921380" y="2239318"/>
            <a:chExt cx="360040" cy="360040"/>
          </a:xfrm>
        </p:grpSpPr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0520C463-47C8-4411-9A8D-699FC13D51B8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2DB81F22-D371-4E91-AEE1-A103208655E9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F9917B4A-0D33-42E8-9A4A-D747E8397508}"/>
              </a:ext>
            </a:extLst>
          </p:cNvPr>
          <p:cNvCxnSpPr>
            <a:cxnSpLocks/>
          </p:cNvCxnSpPr>
          <p:nvPr/>
        </p:nvCxnSpPr>
        <p:spPr bwMode="auto">
          <a:xfrm flipV="1">
            <a:off x="1541123" y="4980692"/>
            <a:ext cx="504056" cy="19152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01F4C669-AF3E-4E96-A2ED-076FB5094378}"/>
              </a:ext>
            </a:extLst>
          </p:cNvPr>
          <p:cNvSpPr txBox="1"/>
          <p:nvPr/>
        </p:nvSpPr>
        <p:spPr>
          <a:xfrm flipH="1">
            <a:off x="2209485" y="3085187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F1B12833-0701-429E-8FA1-5E626ABB2EFF}"/>
              </a:ext>
            </a:extLst>
          </p:cNvPr>
          <p:cNvSpPr txBox="1"/>
          <p:nvPr/>
        </p:nvSpPr>
        <p:spPr>
          <a:xfrm flipH="1">
            <a:off x="978990" y="4151988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DE680672-2992-4064-8214-8675F8D789A4}"/>
              </a:ext>
            </a:extLst>
          </p:cNvPr>
          <p:cNvSpPr txBox="1"/>
          <p:nvPr/>
        </p:nvSpPr>
        <p:spPr>
          <a:xfrm flipH="1">
            <a:off x="2183423" y="5328264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5332A715-8A2C-4934-B760-9A0F81018295}"/>
              </a:ext>
            </a:extLst>
          </p:cNvPr>
          <p:cNvCxnSpPr>
            <a:cxnSpLocks/>
          </p:cNvCxnSpPr>
          <p:nvPr/>
        </p:nvCxnSpPr>
        <p:spPr bwMode="auto">
          <a:xfrm flipV="1">
            <a:off x="2322505" y="4138616"/>
            <a:ext cx="504056" cy="19152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30" name="Picture 29">
            <a:extLst>
              <a:ext uri="{FF2B5EF4-FFF2-40B4-BE49-F238E27FC236}">
                <a16:creationId xmlns:a16="http://schemas.microsoft.com/office/drawing/2014/main" id="{9B7C87BA-A15D-43B5-8EA6-0FA4DC1DA09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143652" y="1889439"/>
            <a:ext cx="5028408" cy="344461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66FCE27D-0921-49D5-986C-FC6E8E60274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471470" y="1768570"/>
            <a:ext cx="3199476" cy="32121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7597763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FABDB3-CEE3-4B28-91E3-01F2BD9DEC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ther system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71F9808-5A7E-42D1-9F5E-7440FFA5D5E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What we can’t do</a:t>
            </a:r>
          </a:p>
          <a:p>
            <a:r>
              <a:rPr lang="en-US" dirty="0"/>
              <a:t>We can’t scale to Lithium 2x2x2 yet (8 x 2 x 3 = 48 electrons)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What we could do</a:t>
            </a:r>
          </a:p>
          <a:p>
            <a:r>
              <a:rPr lang="en-US" dirty="0"/>
              <a:t>Implement primitive cell implementation with vector space transforms scale to 2x2x2 (for Li 24 electrons) </a:t>
            </a:r>
          </a:p>
          <a:p>
            <a:r>
              <a:rPr lang="en-US" dirty="0"/>
              <a:t>Insulators (Lithium hydride, lithium fluoride) </a:t>
            </a:r>
          </a:p>
          <a:p>
            <a:r>
              <a:rPr lang="en-US" dirty="0"/>
              <a:t>Other structures (What do you recommend?) </a:t>
            </a:r>
          </a:p>
          <a:p>
            <a:r>
              <a:rPr lang="en-US" dirty="0"/>
              <a:t>Electron ga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988521C-3276-4008-ADB6-A69EE2F3238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5207883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D57BED-FCA4-44B4-8FF7-B931AA3E4D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on gas	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7A19AE0C-6507-44F4-A28A-1C3C1F77EC6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214886" y="1988840"/>
            <a:ext cx="4534533" cy="981212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CC3A36-7EB1-4625-A168-F2E2A7673C8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5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D425422-45B4-4A5C-B3AC-592C400567A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78782" y="3140968"/>
            <a:ext cx="6287377" cy="17147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3933505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D9930E-4CCE-48E1-9C22-912D701172F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ings that need to/can be do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AE9374-B1D3-4AEB-8750-2F78FE94D46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Back to non-orthorhombic primitive cell design (transforming vector spaces) and scale</a:t>
            </a:r>
          </a:p>
          <a:p>
            <a:r>
              <a:rPr lang="en-US" dirty="0"/>
              <a:t>Alternate systems that scale easier with orthorhombic cell design</a:t>
            </a:r>
          </a:p>
          <a:p>
            <a:r>
              <a:rPr lang="en-US" dirty="0"/>
              <a:t>Scale to n &gt; 1 nodes</a:t>
            </a:r>
          </a:p>
          <a:p>
            <a:r>
              <a:rPr lang="en-US" dirty="0"/>
              <a:t>KFAC adjustments </a:t>
            </a:r>
          </a:p>
          <a:p>
            <a:r>
              <a:rPr lang="en-US" dirty="0"/>
              <a:t>HF orbitals from 3</a:t>
            </a:r>
            <a:r>
              <a:rPr lang="en-US" baseline="30000" dirty="0"/>
              <a:t>rd</a:t>
            </a:r>
            <a:r>
              <a:rPr lang="en-US" dirty="0"/>
              <a:t> party code (pretraining)</a:t>
            </a:r>
          </a:p>
          <a:p>
            <a:r>
              <a:rPr lang="en-US" dirty="0"/>
              <a:t>Electron gas</a:t>
            </a:r>
          </a:p>
          <a:p>
            <a:pPr lvl="1"/>
            <a:r>
              <a:rPr lang="en-US" dirty="0"/>
              <a:t>Ansatz design (orbital structure)</a:t>
            </a:r>
          </a:p>
          <a:p>
            <a:pPr lvl="1"/>
            <a:r>
              <a:rPr lang="en-US" dirty="0"/>
              <a:t>Scaling</a:t>
            </a:r>
          </a:p>
          <a:p>
            <a:pPr lvl="1"/>
            <a:r>
              <a:rPr lang="en-US" dirty="0"/>
              <a:t>Spin polarized / non spin polarized</a:t>
            </a:r>
          </a:p>
          <a:p>
            <a:r>
              <a:rPr lang="en-US" dirty="0"/>
              <a:t>What is the finite size effect for one unit cell QMC? (CASINO, </a:t>
            </a:r>
            <a:r>
              <a:rPr lang="en-US" dirty="0" err="1"/>
              <a:t>Saverio</a:t>
            </a:r>
            <a:r>
              <a:rPr lang="en-US" dirty="0"/>
              <a:t>)</a:t>
            </a:r>
          </a:p>
          <a:p>
            <a:r>
              <a:rPr lang="en-US" dirty="0"/>
              <a:t>What is the finite size effect of the Ewald’s sum</a:t>
            </a:r>
          </a:p>
          <a:p>
            <a:r>
              <a:rPr lang="en-US" dirty="0"/>
              <a:t>Can we force the orbitals to zero?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5E5FF0C-EE2E-4ADD-9A7C-801548A33F2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38548688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CD2CA5-0D4A-4553-9C36-DEE7A8E5FA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EG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7597F3-297B-42EE-A477-ECAFF67020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A25A791-9D14-4286-AB31-98CF04DA699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2559" y="2428736"/>
            <a:ext cx="5832648" cy="169179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3539AC7-E52C-415F-8397-B275ED8DC92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87294" y="692696"/>
            <a:ext cx="4331410" cy="45681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444978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B27426-4DC8-4E33-8E4F-CAAF04A982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EG Hamiltonia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FDBDF7-5BCB-4CC1-B95E-2EC114154A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8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60CDB95-7659-40F3-85D6-CFC8BA6EAAD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03118" y="294783"/>
            <a:ext cx="4361078" cy="63774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97435785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C2C6323-4466-46BD-8B13-08A78AEE5A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EG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73EAE87-EACD-43EB-B530-CEEB761BAF4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9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7B96D58-33F2-4A12-BD9A-263EBEA9E7C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430910" y="1142681"/>
            <a:ext cx="7087589" cy="45726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428848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2224F9-95F4-45DA-9B9F-7FDBE0FC08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Variational Monte Carlo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E16F1E-DACE-4112-8957-A1603D63DF3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Method for evolving a parameterized Ansatz toward the ground state. </a:t>
            </a:r>
          </a:p>
          <a:p>
            <a:r>
              <a:rPr lang="en-US" dirty="0"/>
              <a:t>Hamiltonian (kinetic + potential energy)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Evolving the Ansatz requires</a:t>
            </a:r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0BA8A0B-EDC9-414B-863D-809FF62A946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AF79349-28D0-4967-8EE5-3909D58561C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43078" y="2348880"/>
            <a:ext cx="2648320" cy="924054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4FE2B1EF-3430-4B3E-ACD4-F574B2F0CBC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42878" y="3862217"/>
            <a:ext cx="6401693" cy="600159"/>
          </a:xfrm>
          <a:prstGeom prst="rect">
            <a:avLst/>
          </a:prstGeom>
        </p:spPr>
      </p:pic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D7C359C9-C283-41F5-A7A9-242B45DD19FD}"/>
              </a:ext>
            </a:extLst>
          </p:cNvPr>
          <p:cNvCxnSpPr/>
          <p:nvPr/>
        </p:nvCxnSpPr>
        <p:spPr bwMode="auto">
          <a:xfrm flipV="1">
            <a:off x="7391350" y="4301637"/>
            <a:ext cx="0" cy="406783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6D261A0E-2986-4932-AAD5-5C10D58FE326}"/>
              </a:ext>
            </a:extLst>
          </p:cNvPr>
          <p:cNvCxnSpPr/>
          <p:nvPr/>
        </p:nvCxnSpPr>
        <p:spPr bwMode="auto">
          <a:xfrm flipV="1">
            <a:off x="6380953" y="4316224"/>
            <a:ext cx="0" cy="912976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14B8E136-0477-43FA-84B0-1870584E202D}"/>
              </a:ext>
            </a:extLst>
          </p:cNvPr>
          <p:cNvCxnSpPr/>
          <p:nvPr/>
        </p:nvCxnSpPr>
        <p:spPr bwMode="auto">
          <a:xfrm flipV="1">
            <a:off x="4222998" y="4316224"/>
            <a:ext cx="0" cy="307557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9DFACBC6-0E60-488F-AFDB-2F860BE0D391}"/>
              </a:ext>
            </a:extLst>
          </p:cNvPr>
          <p:cNvSpPr txBox="1"/>
          <p:nvPr/>
        </p:nvSpPr>
        <p:spPr>
          <a:xfrm>
            <a:off x="6599262" y="4739627"/>
            <a:ext cx="270426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erivatives </a:t>
            </a:r>
            <a:r>
              <a:rPr lang="en-US" dirty="0" err="1">
                <a:latin typeface="+mn-lt"/>
              </a:rPr>
              <a:t>wf</a:t>
            </a:r>
            <a:r>
              <a:rPr lang="en-US" dirty="0">
                <a:latin typeface="+mn-lt"/>
              </a:rPr>
              <a:t> </a:t>
            </a:r>
            <a:r>
              <a:rPr lang="en-US" dirty="0" err="1">
                <a:latin typeface="+mn-lt"/>
              </a:rPr>
              <a:t>wrt</a:t>
            </a:r>
            <a:r>
              <a:rPr lang="en-US" dirty="0">
                <a:latin typeface="+mn-lt"/>
              </a:rPr>
              <a:t> parameters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283D432B-0E8C-46F4-9CE7-A21FC9F07ACF}"/>
              </a:ext>
            </a:extLst>
          </p:cNvPr>
          <p:cNvSpPr txBox="1"/>
          <p:nvPr/>
        </p:nvSpPr>
        <p:spPr>
          <a:xfrm>
            <a:off x="5303118" y="5263277"/>
            <a:ext cx="23484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Local energy computation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7CCBC25-4853-46DC-ACEE-0B09B36C68FF}"/>
              </a:ext>
            </a:extLst>
          </p:cNvPr>
          <p:cNvSpPr txBox="1"/>
          <p:nvPr/>
        </p:nvSpPr>
        <p:spPr>
          <a:xfrm>
            <a:off x="3361596" y="4685117"/>
            <a:ext cx="202779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Monte Carlo Sampling</a:t>
            </a:r>
          </a:p>
        </p:txBody>
      </p:sp>
    </p:spTree>
    <p:extLst>
      <p:ext uri="{BB962C8B-B14F-4D97-AF65-F5344CB8AC3E}">
        <p14:creationId xmlns:p14="http://schemas.microsoft.com/office/powerpoint/2010/main" val="4086594679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0380DC-4B8A-458C-A686-54616BC598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24/10/21 </a:t>
            </a:r>
            <a:r>
              <a:rPr lang="en-US" dirty="0" err="1"/>
              <a:t>Todoish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710268F-2A09-4D09-AA0E-3884FB96C7D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Slater-Jastrow neural network Ansatz</a:t>
            </a:r>
          </a:p>
          <a:p>
            <a:r>
              <a:rPr lang="en-US" dirty="0"/>
              <a:t>Complex orbital plane wave </a:t>
            </a:r>
            <a:r>
              <a:rPr lang="en-US" dirty="0" err="1"/>
              <a:t>nn</a:t>
            </a:r>
            <a:r>
              <a:rPr lang="en-US" dirty="0"/>
              <a:t> Ansatz</a:t>
            </a:r>
          </a:p>
          <a:p>
            <a:r>
              <a:rPr lang="en-US" dirty="0"/>
              <a:t>QMC baselines (CASINO) </a:t>
            </a:r>
          </a:p>
          <a:p>
            <a:r>
              <a:rPr lang="en-US" dirty="0"/>
              <a:t>Scale to RTX 3090s </a:t>
            </a:r>
          </a:p>
          <a:p>
            <a:r>
              <a:rPr lang="en-US" dirty="0"/>
              <a:t>Scale to &gt;1 nodes (max out system size)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F47FE-B7DB-4D93-9AD8-84282AC367A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5912325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E9A5DE-E703-418E-8518-819F5F1FB2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DF sum over electrons and not including MIC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637DE3B-97B6-4E20-86B6-4CE02F5FDD3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1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5C6305A-B8FF-455B-B970-69447D58FD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71270" y="1700808"/>
            <a:ext cx="4062523" cy="4095485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4E2B9776-F2D4-4970-BD90-74755867C15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4557" y="1556792"/>
            <a:ext cx="4734586" cy="47441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5750977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64921E-8048-4146-A964-A2E8CA4322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DF sum over electrons including MIC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24C4984-66B1-42A7-B3CA-B4DB079D306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2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56F3A66-A7BC-4F3E-BBAD-792EC5EE137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58902" y="2132856"/>
            <a:ext cx="3642026" cy="37306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7872508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EF9CA22-835F-496A-ACA4-D12FABAA27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DF single electron not including MIC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48E3E10-5FB3-4AFA-8334-E0897B115F0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3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AC21FC0-EB1B-473F-8AC6-A4043B05B77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82638" y="1628800"/>
            <a:ext cx="4706007" cy="477269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0BA03962-0A8E-4693-9C0F-4ACBAD7942E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520821" y="1556792"/>
            <a:ext cx="4686954" cy="47917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6097950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529F2C-DC50-49D8-B6A0-4BBE004ED3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DF single electron including MIC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F9326F7-42AC-41C1-9B0B-82BE95DCBDE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4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05CD50D-EA2F-437B-9A74-B4ECB9302D6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58902" y="1687761"/>
            <a:ext cx="4677428" cy="47441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44811799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1ADCF7-BF9B-426E-A5F2-6145A8E8F6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am vs </a:t>
            </a:r>
            <a:r>
              <a:rPr lang="en-US" dirty="0" err="1"/>
              <a:t>kfac</a:t>
            </a:r>
            <a:r>
              <a:rPr lang="en-US" dirty="0"/>
              <a:t> shifted to exaggerate differenc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A7DEAC-0F58-489F-9D24-94461F4CD84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5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2A0C9E7-44DE-4D2B-8C59-73337C4D85B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58902" y="1628800"/>
            <a:ext cx="4536504" cy="45193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37043424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EBECFD4-696E-4D3D-99BB-A1B4656019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nsity sweep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53996F6-F918-4EC9-B635-1BC5B1A6685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6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50349757-AB24-4463-9115-8596B6D2E25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07174" y="980728"/>
            <a:ext cx="5187346" cy="5142126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2E7F817-829D-4C0A-B3C1-168CF1B64E8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6" y="2492896"/>
            <a:ext cx="3013960" cy="24963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9683896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3D1F5D-5AE8-461F-91E6-DF49FBEB3A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arameter ablation HEG	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DC4736D-6462-4FA2-9B57-6BFA9D4F2E5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7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66EA6DE-2B3C-4AB2-8DF4-592E7118C64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597" y="1394584"/>
            <a:ext cx="4152499" cy="4194656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68F068C6-4699-4003-B3C3-6F792ACEBE7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79182" y="1628800"/>
            <a:ext cx="4183950" cy="40574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9626298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B6B646-BADF-4A01-AD32-4B8F553139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t ablation Li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556C71-D072-4E15-B714-770DAE2DF9F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8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555CDFE-C3D5-4090-940D-E312E55E3D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63158" y="1772816"/>
            <a:ext cx="4252905" cy="42210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0612167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00E31-DB2E-4C06-B0B2-7F34E8C9A6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i </a:t>
            </a:r>
            <a:r>
              <a:rPr lang="en-US" dirty="0" err="1"/>
              <a:t>nonlin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E8E60D-CD48-41EC-80AC-20734521549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9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6B19F56-FA8A-4631-80B9-6C648AE8B0F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78982" y="1700808"/>
            <a:ext cx="4525546" cy="46001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55971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8813D5-D52D-43C3-8416-BC638A3484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satz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770DC8B-C45F-4DC9-8F6D-13B0ED142F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0556D72-AEB5-4AFC-83F3-EE30C4F9208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42778" y="1490705"/>
            <a:ext cx="8432605" cy="4941168"/>
          </a:xfrm>
          <a:prstGeom prst="rect">
            <a:avLst/>
          </a:prstGeom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5E8049F0-FC2B-452A-9823-8ABA4BDE72B2}"/>
              </a:ext>
            </a:extLst>
          </p:cNvPr>
          <p:cNvCxnSpPr/>
          <p:nvPr/>
        </p:nvCxnSpPr>
        <p:spPr bwMode="auto">
          <a:xfrm flipV="1">
            <a:off x="1515030" y="2420888"/>
            <a:ext cx="907768" cy="364161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EA6442EF-68F7-4093-87FC-25B1702D2A0F}"/>
              </a:ext>
            </a:extLst>
          </p:cNvPr>
          <p:cNvSpPr txBox="1"/>
          <p:nvPr/>
        </p:nvSpPr>
        <p:spPr>
          <a:xfrm>
            <a:off x="790195" y="5177046"/>
            <a:ext cx="2016224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Permutation equivariant functions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8117BA1-E516-47D9-8F5B-24CB1BD84CEC}"/>
              </a:ext>
            </a:extLst>
          </p:cNvPr>
          <p:cNvSpPr txBox="1"/>
          <p:nvPr/>
        </p:nvSpPr>
        <p:spPr>
          <a:xfrm>
            <a:off x="226554" y="2785049"/>
            <a:ext cx="201622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Not periodic inputs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24253F57-0346-4F47-A499-0A6BFF8386A6}"/>
              </a:ext>
            </a:extLst>
          </p:cNvPr>
          <p:cNvCxnSpPr/>
          <p:nvPr/>
        </p:nvCxnSpPr>
        <p:spPr bwMode="auto">
          <a:xfrm flipV="1">
            <a:off x="1639094" y="4509120"/>
            <a:ext cx="1503784" cy="72846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08CCA7AF-EEE8-48FE-9E42-FC5E5F71B98E}"/>
              </a:ext>
            </a:extLst>
          </p:cNvPr>
          <p:cNvSpPr txBox="1"/>
          <p:nvPr/>
        </p:nvSpPr>
        <p:spPr>
          <a:xfrm>
            <a:off x="9922826" y="3789040"/>
            <a:ext cx="201622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Not periodic inputs</a:t>
            </a: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1E4C80D-D9E8-44E8-B70B-E1ACDBF1D626}"/>
              </a:ext>
            </a:extLst>
          </p:cNvPr>
          <p:cNvCxnSpPr/>
          <p:nvPr/>
        </p:nvCxnSpPr>
        <p:spPr bwMode="auto">
          <a:xfrm flipH="1">
            <a:off x="9047534" y="3912150"/>
            <a:ext cx="792088" cy="23693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89719522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9DE885-DA63-48CD-9A4B-72960E6DA9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act</a:t>
            </a:r>
            <a:r>
              <a:rPr lang="en-US" dirty="0"/>
              <a:t> </a:t>
            </a:r>
            <a:r>
              <a:rPr lang="en-US" dirty="0" err="1"/>
              <a:t>nonlin</a:t>
            </a:r>
            <a:r>
              <a:rPr lang="en-US" dirty="0"/>
              <a:t> Li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4591E4-ABDC-45B3-9F79-776E5915629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6EA7E38-A94F-43DD-A921-DABAA69F98D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59102" y="764704"/>
            <a:ext cx="5165819" cy="51528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0502803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1318CA-73A5-4AC9-ABB5-9E4505D9CC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3243E7B-710D-41D0-AB65-72BB3762EE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BDBECF-E0D5-4A9F-8BB0-B8D692A21CF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484780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048CBA34-EF5A-45BD-906E-00636BD6E34D}"/>
              </a:ext>
            </a:extLst>
          </p:cNvPr>
          <p:cNvCxnSpPr/>
          <p:nvPr/>
        </p:nvCxnSpPr>
        <p:spPr bwMode="auto">
          <a:xfrm>
            <a:off x="1990750" y="2932047"/>
            <a:ext cx="0" cy="72008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ysDot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95BB8105-8FDE-4C71-BD6D-E374BD2D3D42}"/>
              </a:ext>
            </a:extLst>
          </p:cNvPr>
          <p:cNvCxnSpPr/>
          <p:nvPr/>
        </p:nvCxnSpPr>
        <p:spPr bwMode="auto">
          <a:xfrm>
            <a:off x="3502918" y="2932047"/>
            <a:ext cx="0" cy="72008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ysDot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F4FDEEAE-B8BB-4394-A9E8-620C324FB862}"/>
              </a:ext>
            </a:extLst>
          </p:cNvPr>
          <p:cNvCxnSpPr/>
          <p:nvPr/>
        </p:nvCxnSpPr>
        <p:spPr bwMode="auto">
          <a:xfrm>
            <a:off x="1990750" y="3889742"/>
            <a:ext cx="0" cy="72008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ysDot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" name="Title 1">
            <a:extLst>
              <a:ext uri="{FF2B5EF4-FFF2-40B4-BE49-F238E27FC236}">
                <a16:creationId xmlns:a16="http://schemas.microsoft.com/office/drawing/2014/main" id="{D2A45C41-C10A-447A-8A14-E0622B4684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144645"/>
            <a:ext cx="9312374" cy="972716"/>
          </a:xfrm>
        </p:spPr>
        <p:txBody>
          <a:bodyPr/>
          <a:lstStyle/>
          <a:p>
            <a:r>
              <a:rPr lang="en-US" dirty="0"/>
              <a:t>Periodic syste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9C0926-8D9A-4B40-8EC5-A274D108663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AD343A3B-55D3-49A9-8A6B-05605979D3D0}"/>
              </a:ext>
            </a:extLst>
          </p:cNvPr>
          <p:cNvCxnSpPr/>
          <p:nvPr/>
        </p:nvCxnSpPr>
        <p:spPr bwMode="auto">
          <a:xfrm>
            <a:off x="2782838" y="3460721"/>
            <a:ext cx="0" cy="52628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80043AB-59CA-42A9-879E-CACB7360F7BA}"/>
              </a:ext>
            </a:extLst>
          </p:cNvPr>
          <p:cNvSpPr/>
          <p:nvPr/>
        </p:nvSpPr>
        <p:spPr bwMode="auto">
          <a:xfrm>
            <a:off x="1918742" y="3089664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C5FAE88A-0FA8-4320-9D3B-7A0EC67C6B59}"/>
              </a:ext>
            </a:extLst>
          </p:cNvPr>
          <p:cNvSpPr/>
          <p:nvPr/>
        </p:nvSpPr>
        <p:spPr bwMode="auto">
          <a:xfrm>
            <a:off x="3420639" y="3092691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6D524E17-D0E0-4F59-9E60-BE8AF7DD87D5}"/>
              </a:ext>
            </a:extLst>
          </p:cNvPr>
          <p:cNvCxnSpPr/>
          <p:nvPr/>
        </p:nvCxnSpPr>
        <p:spPr bwMode="auto">
          <a:xfrm flipH="1">
            <a:off x="3577171" y="3172453"/>
            <a:ext cx="371181" cy="194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32" name="Group 31">
            <a:extLst>
              <a:ext uri="{FF2B5EF4-FFF2-40B4-BE49-F238E27FC236}">
                <a16:creationId xmlns:a16="http://schemas.microsoft.com/office/drawing/2014/main" id="{6A5C94C1-1BF7-49A2-ABEA-69FD157897EA}"/>
              </a:ext>
            </a:extLst>
          </p:cNvPr>
          <p:cNvGrpSpPr/>
          <p:nvPr/>
        </p:nvGrpSpPr>
        <p:grpSpPr>
          <a:xfrm>
            <a:off x="3892705" y="3076574"/>
            <a:ext cx="166298" cy="166298"/>
            <a:chOff x="4921380" y="2239318"/>
            <a:chExt cx="360040" cy="360040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E03AEE64-8BF1-4223-BD28-4A4996BAA51E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B5DAEB8D-2CCA-4006-BF23-AF810DF9349E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D7B60CE0-8AE3-4246-9707-E714B8AEE7E0}"/>
              </a:ext>
            </a:extLst>
          </p:cNvPr>
          <p:cNvCxnSpPr/>
          <p:nvPr/>
        </p:nvCxnSpPr>
        <p:spPr bwMode="auto">
          <a:xfrm>
            <a:off x="2062758" y="3385686"/>
            <a:ext cx="1440160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0002391B-648A-4E01-9229-95B734DA299D}"/>
              </a:ext>
            </a:extLst>
          </p:cNvPr>
          <p:cNvCxnSpPr/>
          <p:nvPr/>
        </p:nvCxnSpPr>
        <p:spPr bwMode="auto">
          <a:xfrm>
            <a:off x="3502918" y="3889742"/>
            <a:ext cx="0" cy="72008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ysDot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14625893-96C2-4F2F-A6AC-BCB645FD208F}"/>
              </a:ext>
            </a:extLst>
          </p:cNvPr>
          <p:cNvCxnSpPr/>
          <p:nvPr/>
        </p:nvCxnSpPr>
        <p:spPr bwMode="auto">
          <a:xfrm>
            <a:off x="1342678" y="3385686"/>
            <a:ext cx="3024336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2" name="Oval 51">
            <a:extLst>
              <a:ext uri="{FF2B5EF4-FFF2-40B4-BE49-F238E27FC236}">
                <a16:creationId xmlns:a16="http://schemas.microsoft.com/office/drawing/2014/main" id="{5A3DB758-16BC-4E2F-9B68-7266794AE557}"/>
              </a:ext>
            </a:extLst>
          </p:cNvPr>
          <p:cNvSpPr/>
          <p:nvPr/>
        </p:nvSpPr>
        <p:spPr bwMode="auto">
          <a:xfrm>
            <a:off x="1918742" y="4069082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3" name="Oval 52">
            <a:extLst>
              <a:ext uri="{FF2B5EF4-FFF2-40B4-BE49-F238E27FC236}">
                <a16:creationId xmlns:a16="http://schemas.microsoft.com/office/drawing/2014/main" id="{A75CAC67-E7FF-4270-93F1-06EC5A14F150}"/>
              </a:ext>
            </a:extLst>
          </p:cNvPr>
          <p:cNvSpPr/>
          <p:nvPr/>
        </p:nvSpPr>
        <p:spPr bwMode="auto">
          <a:xfrm>
            <a:off x="3420639" y="4072109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2E825930-288E-4476-A17C-922AB8EB4BFB}"/>
              </a:ext>
            </a:extLst>
          </p:cNvPr>
          <p:cNvCxnSpPr/>
          <p:nvPr/>
        </p:nvCxnSpPr>
        <p:spPr bwMode="auto">
          <a:xfrm>
            <a:off x="2062758" y="4365104"/>
            <a:ext cx="1440160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BD43B6E9-86C0-42BC-9581-2D9CAB7FB8EF}"/>
              </a:ext>
            </a:extLst>
          </p:cNvPr>
          <p:cNvCxnSpPr/>
          <p:nvPr/>
        </p:nvCxnSpPr>
        <p:spPr bwMode="auto">
          <a:xfrm>
            <a:off x="1342678" y="4365104"/>
            <a:ext cx="3024336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3BCE831C-5176-4077-B2D2-389CB71C178B}"/>
              </a:ext>
            </a:extLst>
          </p:cNvPr>
          <p:cNvCxnSpPr/>
          <p:nvPr/>
        </p:nvCxnSpPr>
        <p:spPr bwMode="auto">
          <a:xfrm flipH="1">
            <a:off x="2049152" y="4158331"/>
            <a:ext cx="371181" cy="194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25" name="Group 24">
            <a:extLst>
              <a:ext uri="{FF2B5EF4-FFF2-40B4-BE49-F238E27FC236}">
                <a16:creationId xmlns:a16="http://schemas.microsoft.com/office/drawing/2014/main" id="{7084D78D-2ACD-42C3-9486-0EC55CE4F0A0}"/>
              </a:ext>
            </a:extLst>
          </p:cNvPr>
          <p:cNvGrpSpPr/>
          <p:nvPr/>
        </p:nvGrpSpPr>
        <p:grpSpPr>
          <a:xfrm>
            <a:off x="2364686" y="4062452"/>
            <a:ext cx="166298" cy="166298"/>
            <a:chOff x="4921380" y="2239318"/>
            <a:chExt cx="360040" cy="360040"/>
          </a:xfrm>
        </p:grpSpPr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2ED40F76-C861-4C01-9C85-102F9BE09149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F3BEEEC2-771D-46D2-A03D-F29890F5EF59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pic>
        <p:nvPicPr>
          <p:cNvPr id="5" name="Picture 4">
            <a:extLst>
              <a:ext uri="{FF2B5EF4-FFF2-40B4-BE49-F238E27FC236}">
                <a16:creationId xmlns:a16="http://schemas.microsoft.com/office/drawing/2014/main" id="{5901DA69-B71F-4B78-A6EC-7B08828D411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79182" y="1719583"/>
            <a:ext cx="4593653" cy="3302971"/>
          </a:xfrm>
          <a:prstGeom prst="rect">
            <a:avLst/>
          </a:prstGeom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3C045182-D6D8-48D4-B919-590F929B3C1F}"/>
              </a:ext>
            </a:extLst>
          </p:cNvPr>
          <p:cNvCxnSpPr>
            <a:stCxn id="12" idx="2"/>
          </p:cNvCxnSpPr>
          <p:nvPr/>
        </p:nvCxnSpPr>
        <p:spPr bwMode="auto">
          <a:xfrm>
            <a:off x="1639413" y="2101335"/>
            <a:ext cx="304737" cy="88877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7242AAD2-A5DF-4F2B-AF41-D99407A84DEF}"/>
              </a:ext>
            </a:extLst>
          </p:cNvPr>
          <p:cNvCxnSpPr/>
          <p:nvPr/>
        </p:nvCxnSpPr>
        <p:spPr bwMode="auto">
          <a:xfrm flipH="1">
            <a:off x="3610929" y="2284201"/>
            <a:ext cx="864097" cy="74443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69EFA7-F453-4FB1-9B2E-5B8D6E4E4A4C}"/>
              </a:ext>
            </a:extLst>
          </p:cNvPr>
          <p:cNvSpPr txBox="1"/>
          <p:nvPr/>
        </p:nvSpPr>
        <p:spPr>
          <a:xfrm>
            <a:off x="529397" y="1855114"/>
            <a:ext cx="222003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imulation cell particle A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4BB586FA-7320-4978-8CF8-4C89E36D9586}"/>
              </a:ext>
            </a:extLst>
          </p:cNvPr>
          <p:cNvSpPr txBox="1"/>
          <p:nvPr/>
        </p:nvSpPr>
        <p:spPr>
          <a:xfrm>
            <a:off x="3502918" y="1990041"/>
            <a:ext cx="183531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mage cell particle A</a:t>
            </a:r>
          </a:p>
        </p:txBody>
      </p:sp>
    </p:spTree>
    <p:extLst>
      <p:ext uri="{BB962C8B-B14F-4D97-AF65-F5344CB8AC3E}">
        <p14:creationId xmlns:p14="http://schemas.microsoft.com/office/powerpoint/2010/main" val="238123466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2A45C41-C10A-447A-8A14-E0622B4684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630" y="48136"/>
            <a:ext cx="9312374" cy="972716"/>
          </a:xfrm>
        </p:spPr>
        <p:txBody>
          <a:bodyPr/>
          <a:lstStyle/>
          <a:p>
            <a:r>
              <a:rPr lang="en-US" dirty="0"/>
              <a:t>Minimum image conven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9C0926-8D9A-4B40-8EC5-A274D108663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8ADBE44-5557-49FD-8609-2006733DD5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4726" y="4653136"/>
            <a:ext cx="2920264" cy="16574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7EE4329-02AB-4A91-A370-91E2060BBA4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23689" y="81970"/>
            <a:ext cx="4756094" cy="1209950"/>
          </a:xfrm>
          <a:prstGeom prst="rect">
            <a:avLst/>
          </a:prstGeom>
        </p:spPr>
      </p:pic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AD343A3B-55D3-49A9-8A6B-05605979D3D0}"/>
              </a:ext>
            </a:extLst>
          </p:cNvPr>
          <p:cNvCxnSpPr/>
          <p:nvPr/>
        </p:nvCxnSpPr>
        <p:spPr bwMode="auto">
          <a:xfrm>
            <a:off x="2968238" y="3071987"/>
            <a:ext cx="0" cy="52628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80043AB-59CA-42A9-879E-CACB7360F7BA}"/>
              </a:ext>
            </a:extLst>
          </p:cNvPr>
          <p:cNvSpPr/>
          <p:nvPr/>
        </p:nvSpPr>
        <p:spPr bwMode="auto">
          <a:xfrm>
            <a:off x="2104142" y="2700930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C5FAE88A-0FA8-4320-9D3B-7A0EC67C6B59}"/>
              </a:ext>
            </a:extLst>
          </p:cNvPr>
          <p:cNvSpPr/>
          <p:nvPr/>
        </p:nvSpPr>
        <p:spPr bwMode="auto">
          <a:xfrm>
            <a:off x="3606039" y="2703957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6D524E17-D0E0-4F59-9E60-BE8AF7DD87D5}"/>
              </a:ext>
            </a:extLst>
          </p:cNvPr>
          <p:cNvCxnSpPr>
            <a:endCxn id="11" idx="6"/>
          </p:cNvCxnSpPr>
          <p:nvPr/>
        </p:nvCxnSpPr>
        <p:spPr bwMode="auto">
          <a:xfrm flipH="1">
            <a:off x="2248158" y="2772938"/>
            <a:ext cx="98670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32" name="Group 31">
            <a:extLst>
              <a:ext uri="{FF2B5EF4-FFF2-40B4-BE49-F238E27FC236}">
                <a16:creationId xmlns:a16="http://schemas.microsoft.com/office/drawing/2014/main" id="{6A5C94C1-1BF7-49A2-ABEA-69FD157897EA}"/>
              </a:ext>
            </a:extLst>
          </p:cNvPr>
          <p:cNvGrpSpPr/>
          <p:nvPr/>
        </p:nvGrpSpPr>
        <p:grpSpPr>
          <a:xfrm>
            <a:off x="3128150" y="2671502"/>
            <a:ext cx="166298" cy="166298"/>
            <a:chOff x="4921380" y="2239318"/>
            <a:chExt cx="360040" cy="360040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E03AEE64-8BF1-4223-BD28-4A4996BAA51E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B5DAEB8D-2CCA-4006-BF23-AF810DF9349E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pic>
        <p:nvPicPr>
          <p:cNvPr id="38" name="Picture 37">
            <a:extLst>
              <a:ext uri="{FF2B5EF4-FFF2-40B4-BE49-F238E27FC236}">
                <a16:creationId xmlns:a16="http://schemas.microsoft.com/office/drawing/2014/main" id="{642CACDC-BE0F-47C8-AA27-5B044DBA941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391350" y="3976370"/>
            <a:ext cx="3517239" cy="2543514"/>
          </a:xfrm>
          <a:prstGeom prst="rect">
            <a:avLst/>
          </a:prstGeom>
        </p:spPr>
      </p:pic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D7B60CE0-8AE3-4246-9707-E714B8AEE7E0}"/>
              </a:ext>
            </a:extLst>
          </p:cNvPr>
          <p:cNvCxnSpPr/>
          <p:nvPr/>
        </p:nvCxnSpPr>
        <p:spPr bwMode="auto">
          <a:xfrm>
            <a:off x="2248158" y="2996952"/>
            <a:ext cx="1440160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14625893-96C2-4F2F-A6AC-BCB645FD208F}"/>
              </a:ext>
            </a:extLst>
          </p:cNvPr>
          <p:cNvCxnSpPr/>
          <p:nvPr/>
        </p:nvCxnSpPr>
        <p:spPr bwMode="auto">
          <a:xfrm>
            <a:off x="1528078" y="2996952"/>
            <a:ext cx="3024336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2" name="Oval 51">
            <a:extLst>
              <a:ext uri="{FF2B5EF4-FFF2-40B4-BE49-F238E27FC236}">
                <a16:creationId xmlns:a16="http://schemas.microsoft.com/office/drawing/2014/main" id="{5A3DB758-16BC-4E2F-9B68-7266794AE557}"/>
              </a:ext>
            </a:extLst>
          </p:cNvPr>
          <p:cNvSpPr/>
          <p:nvPr/>
        </p:nvSpPr>
        <p:spPr bwMode="auto">
          <a:xfrm>
            <a:off x="2104142" y="3680348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3" name="Oval 52">
            <a:extLst>
              <a:ext uri="{FF2B5EF4-FFF2-40B4-BE49-F238E27FC236}">
                <a16:creationId xmlns:a16="http://schemas.microsoft.com/office/drawing/2014/main" id="{A75CAC67-E7FF-4270-93F1-06EC5A14F150}"/>
              </a:ext>
            </a:extLst>
          </p:cNvPr>
          <p:cNvSpPr/>
          <p:nvPr/>
        </p:nvSpPr>
        <p:spPr bwMode="auto">
          <a:xfrm>
            <a:off x="3606039" y="3683375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8D90CD55-40D4-4BED-A2AF-DE6F4CE007A8}"/>
              </a:ext>
            </a:extLst>
          </p:cNvPr>
          <p:cNvCxnSpPr>
            <a:endCxn id="53" idx="2"/>
          </p:cNvCxnSpPr>
          <p:nvPr/>
        </p:nvCxnSpPr>
        <p:spPr bwMode="auto">
          <a:xfrm>
            <a:off x="3234858" y="3752355"/>
            <a:ext cx="371181" cy="30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55" name="Group 54">
            <a:extLst>
              <a:ext uri="{FF2B5EF4-FFF2-40B4-BE49-F238E27FC236}">
                <a16:creationId xmlns:a16="http://schemas.microsoft.com/office/drawing/2014/main" id="{21C4C584-FD94-4FA7-B925-D5FEA7F79127}"/>
              </a:ext>
            </a:extLst>
          </p:cNvPr>
          <p:cNvGrpSpPr/>
          <p:nvPr/>
        </p:nvGrpSpPr>
        <p:grpSpPr>
          <a:xfrm>
            <a:off x="3151709" y="3658066"/>
            <a:ext cx="166298" cy="166298"/>
            <a:chOff x="4921380" y="2239318"/>
            <a:chExt cx="360040" cy="360040"/>
          </a:xfrm>
        </p:grpSpPr>
        <p:cxnSp>
          <p:nvCxnSpPr>
            <p:cNvPr id="56" name="Straight Connector 55">
              <a:extLst>
                <a:ext uri="{FF2B5EF4-FFF2-40B4-BE49-F238E27FC236}">
                  <a16:creationId xmlns:a16="http://schemas.microsoft.com/office/drawing/2014/main" id="{B90EBC15-1A08-4F27-8AD8-82105B95C0B1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7" name="Straight Connector 56">
              <a:extLst>
                <a:ext uri="{FF2B5EF4-FFF2-40B4-BE49-F238E27FC236}">
                  <a16:creationId xmlns:a16="http://schemas.microsoft.com/office/drawing/2014/main" id="{586A3155-8E8D-4B3D-93B4-5259C20E81C3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2E825930-288E-4476-A17C-922AB8EB4BFB}"/>
              </a:ext>
            </a:extLst>
          </p:cNvPr>
          <p:cNvCxnSpPr/>
          <p:nvPr/>
        </p:nvCxnSpPr>
        <p:spPr bwMode="auto">
          <a:xfrm>
            <a:off x="2248158" y="3976370"/>
            <a:ext cx="1440160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BD43B6E9-86C0-42BC-9581-2D9CAB7FB8EF}"/>
              </a:ext>
            </a:extLst>
          </p:cNvPr>
          <p:cNvCxnSpPr/>
          <p:nvPr/>
        </p:nvCxnSpPr>
        <p:spPr bwMode="auto">
          <a:xfrm>
            <a:off x="1528078" y="3976370"/>
            <a:ext cx="3024336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BB43EBCC-6CA2-4100-B05F-EE70483A01E7}"/>
              </a:ext>
            </a:extLst>
          </p:cNvPr>
          <p:cNvCxnSpPr>
            <a:stCxn id="29" idx="2"/>
          </p:cNvCxnSpPr>
          <p:nvPr/>
        </p:nvCxnSpPr>
        <p:spPr bwMode="auto">
          <a:xfrm>
            <a:off x="1664449" y="1754647"/>
            <a:ext cx="396044" cy="88877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30EE7ED9-B1EE-486E-9C2A-1202693C0637}"/>
              </a:ext>
            </a:extLst>
          </p:cNvPr>
          <p:cNvCxnSpPr/>
          <p:nvPr/>
        </p:nvCxnSpPr>
        <p:spPr bwMode="auto">
          <a:xfrm flipH="1">
            <a:off x="3727272" y="1937513"/>
            <a:ext cx="864097" cy="74443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4A76F710-8C88-4F87-B377-029E3D9D7683}"/>
              </a:ext>
            </a:extLst>
          </p:cNvPr>
          <p:cNvSpPr txBox="1"/>
          <p:nvPr/>
        </p:nvSpPr>
        <p:spPr>
          <a:xfrm>
            <a:off x="645740" y="1508426"/>
            <a:ext cx="203741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imulation cell particle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6FE1A3A3-4FFC-4A6E-B940-654A56A62998}"/>
              </a:ext>
            </a:extLst>
          </p:cNvPr>
          <p:cNvSpPr txBox="1"/>
          <p:nvPr/>
        </p:nvSpPr>
        <p:spPr>
          <a:xfrm>
            <a:off x="3619261" y="1643353"/>
            <a:ext cx="165269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mage cell particle</a:t>
            </a:r>
          </a:p>
        </p:txBody>
      </p:sp>
      <p:pic>
        <p:nvPicPr>
          <p:cNvPr id="31" name="Picture 30">
            <a:extLst>
              <a:ext uri="{FF2B5EF4-FFF2-40B4-BE49-F238E27FC236}">
                <a16:creationId xmlns:a16="http://schemas.microsoft.com/office/drawing/2014/main" id="{CF52676E-8FE9-46D8-BE1F-DBB84741C9D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247334" y="1325754"/>
            <a:ext cx="3709348" cy="26095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763870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1417A8-7923-4EA1-B90D-4153A7C4F0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74702" y="124125"/>
            <a:ext cx="9312374" cy="972716"/>
          </a:xfrm>
        </p:spPr>
        <p:txBody>
          <a:bodyPr/>
          <a:lstStyle/>
          <a:p>
            <a:r>
              <a:rPr lang="en-US" dirty="0"/>
              <a:t>Periodic Inpu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C5A71E3-1C77-44D6-9B4F-607B3BF5129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C5C87606-A58C-405F-93CD-42D3B842E178}"/>
              </a:ext>
            </a:extLst>
          </p:cNvPr>
          <p:cNvGrpSpPr/>
          <p:nvPr/>
        </p:nvGrpSpPr>
        <p:grpSpPr>
          <a:xfrm>
            <a:off x="6625244" y="2132856"/>
            <a:ext cx="4942571" cy="3752014"/>
            <a:chOff x="5352979" y="1252205"/>
            <a:chExt cx="6424291" cy="4876821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F5AAB6C9-AB76-4C85-9131-00FC15B72A6F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t="1247"/>
            <a:stretch/>
          </p:blipFill>
          <p:spPr>
            <a:xfrm>
              <a:off x="5352979" y="1252205"/>
              <a:ext cx="6424291" cy="4876821"/>
            </a:xfrm>
            <a:prstGeom prst="rect">
              <a:avLst/>
            </a:prstGeom>
          </p:spPr>
        </p:pic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2F757DF8-7BF8-4BEB-80BA-2A7B31871E21}"/>
                </a:ext>
              </a:extLst>
            </p:cNvPr>
            <p:cNvCxnSpPr>
              <a:cxnSpLocks/>
            </p:cNvCxnSpPr>
            <p:nvPr/>
          </p:nvCxnSpPr>
          <p:spPr>
            <a:xfrm>
              <a:off x="6096000" y="4222548"/>
              <a:ext cx="4026466" cy="0"/>
            </a:xfrm>
            <a:prstGeom prst="line">
              <a:avLst/>
            </a:prstGeom>
            <a:ln w="28575">
              <a:solidFill>
                <a:srgbClr val="FF0000"/>
              </a:solidFill>
              <a:prstDash val="sys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97A8566E-E64F-4AFD-BC6D-CFA60E57D6E6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7872412" y="1585913"/>
              <a:ext cx="33338" cy="4081462"/>
            </a:xfrm>
            <a:prstGeom prst="line">
              <a:avLst/>
            </a:prstGeom>
            <a:ln w="28575">
              <a:solidFill>
                <a:srgbClr val="FF0000"/>
              </a:solidFill>
              <a:prstDash val="sys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" name="Straight Connector 7">
              <a:extLst>
                <a:ext uri="{FF2B5EF4-FFF2-40B4-BE49-F238E27FC236}">
                  <a16:creationId xmlns:a16="http://schemas.microsoft.com/office/drawing/2014/main" id="{6A6CAC4D-3316-42D6-892F-DDB5375EC59A}"/>
                </a:ext>
              </a:extLst>
            </p:cNvPr>
            <p:cNvCxnSpPr>
              <a:cxnSpLocks/>
            </p:cNvCxnSpPr>
            <p:nvPr/>
          </p:nvCxnSpPr>
          <p:spPr>
            <a:xfrm>
              <a:off x="6453187" y="1585913"/>
              <a:ext cx="0" cy="4081462"/>
            </a:xfrm>
            <a:prstGeom prst="line">
              <a:avLst/>
            </a:prstGeom>
            <a:ln w="28575">
              <a:solidFill>
                <a:srgbClr val="FF0000"/>
              </a:solidFill>
              <a:prstDash val="sys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9" name="Picture 8">
            <a:extLst>
              <a:ext uri="{FF2B5EF4-FFF2-40B4-BE49-F238E27FC236}">
                <a16:creationId xmlns:a16="http://schemas.microsoft.com/office/drawing/2014/main" id="{625B4ADB-3E99-4675-A23F-B2A683591E5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2598" y="3050009"/>
            <a:ext cx="3190745" cy="1124013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F4AFADF2-D446-49D9-9190-9D075E45AAE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311230" y="385909"/>
            <a:ext cx="4750947" cy="1208641"/>
          </a:xfrm>
          <a:prstGeom prst="rect">
            <a:avLst/>
          </a:prstGeom>
        </p:spPr>
      </p:pic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47BEBCDA-F725-49DD-91FA-E6F201E52062}"/>
              </a:ext>
            </a:extLst>
          </p:cNvPr>
          <p:cNvCxnSpPr/>
          <p:nvPr/>
        </p:nvCxnSpPr>
        <p:spPr bwMode="auto">
          <a:xfrm flipV="1">
            <a:off x="3154075" y="3914105"/>
            <a:ext cx="0" cy="864096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3A038E17-0412-4BC3-91AF-A2A3BE18E245}"/>
              </a:ext>
            </a:extLst>
          </p:cNvPr>
          <p:cNvSpPr txBox="1"/>
          <p:nvPr/>
        </p:nvSpPr>
        <p:spPr>
          <a:xfrm>
            <a:off x="3010059" y="4813090"/>
            <a:ext cx="303288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From minimum image convention</a:t>
            </a:r>
          </a:p>
        </p:txBody>
      </p:sp>
    </p:spTree>
    <p:extLst>
      <p:ext uri="{BB962C8B-B14F-4D97-AF65-F5344CB8AC3E}">
        <p14:creationId xmlns:p14="http://schemas.microsoft.com/office/powerpoint/2010/main" val="148527034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474E6D-BDD5-4C01-95F4-B92117EFB38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332656"/>
            <a:ext cx="9312374" cy="972716"/>
          </a:xfrm>
        </p:spPr>
        <p:txBody>
          <a:bodyPr/>
          <a:lstStyle/>
          <a:p>
            <a:r>
              <a:rPr lang="en-US" dirty="0"/>
              <a:t>New periodic function because sin(abs(x)) not continuous?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A9FC469-1A0C-4D43-8DA0-5205B93AF57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EF7C7D0-42FC-4DE8-B6AB-8E387F682B6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6574" y="3873588"/>
            <a:ext cx="4591163" cy="1008112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14DA1C4-F383-498C-B39D-448D7FEACFF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0590" y="4797152"/>
            <a:ext cx="3012577" cy="157178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7CEB7796-FDA4-4B32-956F-0CCBFAD1EA8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07174" y="1023520"/>
            <a:ext cx="4819096" cy="2654746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706990A8-C80F-43CA-9963-40C93AD789F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807174" y="3707482"/>
            <a:ext cx="5045313" cy="27457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9346290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3ca9f389-e808-4e27-8273-94e971263685","elementConfiguration":{"binding":"UserProfile.Offices.Workarea_{{DocumentLanguage}}","disableUpdates":false,"type":"text"}},{"type":"shape","id":"023740c4-7e55-4f22-be66-d4ee5a350266","elementConfiguration":{"format":"{{DateFormats.GeneralDate}}","binding":"Form.Date","disableUpdates":false,"type":"date"}},{"type":"shape","id":"54d0d1d5-a2b8-49a7-a7bd-126b79ab9131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F0RN4GNeNHMiodvk+emwdw=="}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customXml/itemProps7.xml><?xml version="1.0" encoding="utf-8"?>
<ds:datastoreItem xmlns:ds="http://schemas.openxmlformats.org/officeDocument/2006/customXml" ds:itemID="{5DEE4BEE-00BA-4E32-BD26-AF535B50AC95}">
  <ds:schemaRefs/>
</ds:datastoreItem>
</file>

<file path=customXml/itemProps8.xml><?xml version="1.0" encoding="utf-8"?>
<ds:datastoreItem xmlns:ds="http://schemas.openxmlformats.org/officeDocument/2006/customXml" ds:itemID="{CA9FC985-930B-40D4-827F-9FAC5D35EA8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325</TotalTime>
  <Words>820</Words>
  <Application>Microsoft Office PowerPoint</Application>
  <PresentationFormat>Custom</PresentationFormat>
  <Paragraphs>202</Paragraphs>
  <Slides>51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1</vt:i4>
      </vt:variant>
    </vt:vector>
  </HeadingPairs>
  <TitlesOfParts>
    <vt:vector size="54" baseType="lpstr">
      <vt:lpstr>Arial</vt:lpstr>
      <vt:lpstr>Verdana</vt:lpstr>
      <vt:lpstr>Blank</vt:lpstr>
      <vt:lpstr>PowerPoint Presentation</vt:lpstr>
      <vt:lpstr>Periodic neural network Ansätze</vt:lpstr>
      <vt:lpstr>Wave function</vt:lpstr>
      <vt:lpstr>Variational Monte Carlo</vt:lpstr>
      <vt:lpstr>Ansatz</vt:lpstr>
      <vt:lpstr>Periodic system</vt:lpstr>
      <vt:lpstr>Minimum image convention</vt:lpstr>
      <vt:lpstr>Periodic Inputs</vt:lpstr>
      <vt:lpstr>New periodic function because sin(abs(x)) not continuous? </vt:lpstr>
      <vt:lpstr>PowerPoint Presentation</vt:lpstr>
      <vt:lpstr>(Anisotropic) Orbitals</vt:lpstr>
      <vt:lpstr>Periodic (Anisotropic) Orbitals  (with \eps to stop nans)</vt:lpstr>
      <vt:lpstr>Periodic (Anisotropic) Orbitals (without \eps)</vt:lpstr>
      <vt:lpstr>Periodic (Isotropic) Orbitals</vt:lpstr>
      <vt:lpstr>Energy computation</vt:lpstr>
      <vt:lpstr>Ewald’s summation convergence</vt:lpstr>
      <vt:lpstr>Kinetic energy</vt:lpstr>
      <vt:lpstr>PowerPoint Presentation</vt:lpstr>
      <vt:lpstr>PowerPoint Presentation</vt:lpstr>
      <vt:lpstr>PowerPoint Presentation</vt:lpstr>
      <vt:lpstr>Whaddwe got? Random electrons</vt:lpstr>
      <vt:lpstr>PowerPoint Presentation</vt:lpstr>
      <vt:lpstr>Whaddwe got? Equilibrated electrons </vt:lpstr>
      <vt:lpstr>PowerPoint Presentation</vt:lpstr>
      <vt:lpstr>Electrons in line</vt:lpstr>
      <vt:lpstr>PowerPoint Presentation</vt:lpstr>
      <vt:lpstr>PowerPoint Presentation</vt:lpstr>
      <vt:lpstr>Other</vt:lpstr>
      <vt:lpstr>PowerPoint Presentation</vt:lpstr>
      <vt:lpstr>Extra:  Shifted  mic/inputs  tests</vt:lpstr>
      <vt:lpstr>11/10/21 – Project summary and plan</vt:lpstr>
      <vt:lpstr>DFT Magnitude of finite size effect</vt:lpstr>
      <vt:lpstr>Translating the system inside the torus</vt:lpstr>
      <vt:lpstr>Other systems</vt:lpstr>
      <vt:lpstr>Electron gas </vt:lpstr>
      <vt:lpstr>Things that need to/can be done</vt:lpstr>
      <vt:lpstr>HEG </vt:lpstr>
      <vt:lpstr>HEG Hamiltonian</vt:lpstr>
      <vt:lpstr>HEG</vt:lpstr>
      <vt:lpstr>24/10/21 Todoish</vt:lpstr>
      <vt:lpstr>PDF sum over electrons and not including MIC</vt:lpstr>
      <vt:lpstr>PDF sum over electrons including MIC</vt:lpstr>
      <vt:lpstr>PDF single electron not including MIC</vt:lpstr>
      <vt:lpstr>PDF single electron including MIC</vt:lpstr>
      <vt:lpstr>Adam vs kfac shifted to exaggerate difference</vt:lpstr>
      <vt:lpstr>Density sweep</vt:lpstr>
      <vt:lpstr>Parameter ablation HEG </vt:lpstr>
      <vt:lpstr>Det ablation Li</vt:lpstr>
      <vt:lpstr>Li nonlin</vt:lpstr>
      <vt:lpstr>Inact nonlin Li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dam Wilson</cp:lastModifiedBy>
  <cp:revision>80</cp:revision>
  <dcterms:created xsi:type="dcterms:W3CDTF">2017-07-31T08:31:56Z</dcterms:created>
  <dcterms:modified xsi:type="dcterms:W3CDTF">2021-11-09T10:28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71193075206687</vt:lpwstr>
  </property>
  <property fmtid="{D5CDD505-2E9C-101B-9397-08002B2CF9AE}" pid="6" name="TemplafyLanguageCode">
    <vt:lpwstr>en-GB</vt:lpwstr>
  </property>
</Properties>
</file>